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5　基幹統計\07経済センサス-活動調査\R3活動調査\★結果公表\②製造業小地域集計（令和5年度）\03_市HP公表\"/>
    </mc:Choice>
  </mc:AlternateContent>
  <bookViews>
    <workbookView xWindow="-105" yWindow="-105" windowWidth="38625" windowHeight="21225" tabRatio="599"/>
  </bookViews>
  <sheets>
    <sheet name="1" sheetId="25" r:id="rId1"/>
    <sheet name="2" sheetId="26" r:id="rId2"/>
    <sheet name="3" sheetId="30" r:id="rId3"/>
    <sheet name="4" sheetId="28" r:id="rId4"/>
    <sheet name="5" sheetId="29" r:id="rId5"/>
    <sheet name="6" sheetId="31" r:id="rId6"/>
    <sheet name="7" sheetId="33" r:id="rId7"/>
  </sheets>
  <externalReferences>
    <externalReference r:id="rId8"/>
  </externalReferences>
  <definedNames>
    <definedName name="_xlnm._FilterDatabase" localSheetId="2" hidden="1">'3'!$A$2:$F$187</definedName>
    <definedName name="_xlnm._FilterDatabase" localSheetId="6" hidden="1">'7'!$A$11:$AF$11</definedName>
    <definedName name="HTML_CodePage" hidden="1">932</definedName>
    <definedName name="HTML_Control" localSheetId="2" hidden="1">{"'表紙（全国比較グラフ） (ホームページ用)'!$I$36"}</definedName>
    <definedName name="HTML_Control" localSheetId="6" hidden="1">{"'表紙（全国比較グラフ） (ホームページ用)'!$I$36"}</definedName>
    <definedName name="HTML_Control" hidden="1">{"'表紙（全国比較グラフ） (ホームページ用)'!$I$36"}</definedName>
    <definedName name="HTML_Description" hidden="1">""</definedName>
    <definedName name="HTML_Email" hidden="1">""</definedName>
    <definedName name="HTML_Header" hidden="1">"業種別月別グラフ"</definedName>
    <definedName name="HTML_LastUpdate" hidden="1">"00/11/20"</definedName>
    <definedName name="HTML_LineAfter" hidden="1">FALSE</definedName>
    <definedName name="HTML_LineBefore" hidden="1">FALSE</definedName>
    <definedName name="HTML_Name" hidden="1">"企画部統計課"</definedName>
    <definedName name="HTML_OBDlg2" hidden="1">TRUE</definedName>
    <definedName name="HTML_OBDlg4" hidden="1">TRUE</definedName>
    <definedName name="HTML_OS" hidden="1">0</definedName>
    <definedName name="HTML_PathFile" hidden="1">"C:\Windows\ﾃﾞｽｸﾄｯﾌﾟ\MyHTML.htm"</definedName>
    <definedName name="HTML_Title" hidden="1">"指数グラフ"</definedName>
    <definedName name="_xlnm.Print_Area" localSheetId="0">'1'!$A$1:$N$32</definedName>
    <definedName name="_xlnm.Print_Area" localSheetId="3">'4'!$A$1:$K$32</definedName>
    <definedName name="_xlnm.Print_Area" localSheetId="4">'5'!$A$1:$H$32</definedName>
    <definedName name="_xlnm.Print_Area" localSheetId="5">'6'!$A$1:$AE$32</definedName>
    <definedName name="_xlnm.Print_Area" localSheetId="6">'7'!$A$1:$AC$118</definedName>
    <definedName name="_xlnm.Print_Titles" localSheetId="6">'7'!$3:$8</definedName>
    <definedName name="リセット" localSheetId="6">[1]!リセット</definedName>
    <definedName name="構成比8年" localSheetId="6">[1]!構成比8年</definedName>
  </definedNames>
  <calcPr calcId="152511"/>
</workbook>
</file>

<file path=xl/sharedStrings.xml><?xml version="1.0" encoding="utf-8"?>
<sst xmlns="http://schemas.openxmlformats.org/spreadsheetml/2006/main" count="2891" uniqueCount="635">
  <si>
    <t>製 造 品</t>
    <rPh sb="0" eb="1">
      <t>セイ</t>
    </rPh>
    <rPh sb="2" eb="3">
      <t>ヅクリ</t>
    </rPh>
    <rPh sb="4" eb="5">
      <t>ヒン</t>
    </rPh>
    <phoneticPr fontId="3"/>
  </si>
  <si>
    <t>その他の製造業</t>
  </si>
  <si>
    <t>輸送用機械器具製造業</t>
  </si>
  <si>
    <t>情報通信機械器具製造業</t>
  </si>
  <si>
    <t>電気機械器具製造業</t>
    <rPh sb="0" eb="2">
      <t>デンキ</t>
    </rPh>
    <phoneticPr fontId="3"/>
  </si>
  <si>
    <t>電子部品・デバイス・電子回路製造業</t>
  </si>
  <si>
    <t>業務用機械器具製造業</t>
  </si>
  <si>
    <t>生産用機械器具製造業</t>
  </si>
  <si>
    <t>はん用機械器具製造業</t>
  </si>
  <si>
    <t>金属製品製造業</t>
  </si>
  <si>
    <t>非鉄金属製造業</t>
  </si>
  <si>
    <t>鉄鋼業</t>
  </si>
  <si>
    <t>窯業・土石製品製造業</t>
  </si>
  <si>
    <t>なめし革・同製品・毛皮製造業</t>
  </si>
  <si>
    <t>ゴム製品製造業</t>
  </si>
  <si>
    <t>プラスチック製品製造業</t>
  </si>
  <si>
    <t>石油製品・石炭製品製造業</t>
  </si>
  <si>
    <t>化学工業</t>
  </si>
  <si>
    <t>パルプ・紙・紙加工品製造業</t>
  </si>
  <si>
    <t>家具・装備品製造業</t>
  </si>
  <si>
    <t>木材・木製品製造業</t>
  </si>
  <si>
    <t>繊維工業</t>
  </si>
  <si>
    <t>飲料・たばこ・飼料製造業</t>
    <rPh sb="7" eb="9">
      <t>シリョウ</t>
    </rPh>
    <phoneticPr fontId="3"/>
  </si>
  <si>
    <t>食料品製造業</t>
  </si>
  <si>
    <t>総数</t>
  </si>
  <si>
    <t>その他収入額</t>
    <rPh sb="2" eb="3">
      <t>タ</t>
    </rPh>
    <rPh sb="3" eb="5">
      <t>シュウニュウ</t>
    </rPh>
    <rPh sb="5" eb="6">
      <t>ガク</t>
    </rPh>
    <phoneticPr fontId="3"/>
  </si>
  <si>
    <t>加工賃収入額</t>
    <rPh sb="0" eb="3">
      <t>カコウチン</t>
    </rPh>
    <rPh sb="3" eb="5">
      <t>シュウニュウ</t>
    </rPh>
    <rPh sb="5" eb="6">
      <t>ガク</t>
    </rPh>
    <phoneticPr fontId="3"/>
  </si>
  <si>
    <t>製造品出荷額</t>
    <rPh sb="0" eb="3">
      <t>セイゾウヒン</t>
    </rPh>
    <rPh sb="3" eb="5">
      <t>シュッカ</t>
    </rPh>
    <rPh sb="5" eb="6">
      <t>ガク</t>
    </rPh>
    <phoneticPr fontId="3"/>
  </si>
  <si>
    <t>計</t>
    <rPh sb="0" eb="1">
      <t>ケイ</t>
    </rPh>
    <phoneticPr fontId="3"/>
  </si>
  <si>
    <t>生 産 額</t>
    <rPh sb="0" eb="1">
      <t>ショウ</t>
    </rPh>
    <rPh sb="2" eb="3">
      <t>サン</t>
    </rPh>
    <rPh sb="4" eb="5">
      <t>ガク</t>
    </rPh>
    <phoneticPr fontId="3"/>
  </si>
  <si>
    <t>産 業 中 分 類</t>
    <rPh sb="0" eb="1">
      <t>サン</t>
    </rPh>
    <rPh sb="2" eb="3">
      <t>ギョウ</t>
    </rPh>
    <rPh sb="4" eb="5">
      <t>チュウ</t>
    </rPh>
    <rPh sb="6" eb="7">
      <t>ブン</t>
    </rPh>
    <rPh sb="8" eb="9">
      <t>タグイ</t>
    </rPh>
    <phoneticPr fontId="3"/>
  </si>
  <si>
    <t>（単位：金額万円）</t>
    <rPh sb="1" eb="3">
      <t>タンイ</t>
    </rPh>
    <rPh sb="4" eb="6">
      <t>キンガク</t>
    </rPh>
    <rPh sb="6" eb="8">
      <t>マンエン</t>
    </rPh>
    <phoneticPr fontId="3"/>
  </si>
  <si>
    <t>女</t>
    <rPh sb="0" eb="1">
      <t>オンナ</t>
    </rPh>
    <phoneticPr fontId="3"/>
  </si>
  <si>
    <t>男</t>
    <rPh sb="0" eb="1">
      <t>オトコ</t>
    </rPh>
    <phoneticPr fontId="3"/>
  </si>
  <si>
    <t>その他収入額</t>
    <rPh sb="2" eb="3">
      <t>タ</t>
    </rPh>
    <rPh sb="3" eb="6">
      <t>シュウニュウガク</t>
    </rPh>
    <phoneticPr fontId="3"/>
  </si>
  <si>
    <t>原材料使用額等</t>
    <rPh sb="0" eb="3">
      <t>ゲンザイリョウ</t>
    </rPh>
    <rPh sb="3" eb="5">
      <t>シヨウ</t>
    </rPh>
    <rPh sb="5" eb="6">
      <t>ガク</t>
    </rPh>
    <rPh sb="6" eb="7">
      <t>トウ</t>
    </rPh>
    <phoneticPr fontId="3"/>
  </si>
  <si>
    <t>現金給与総額</t>
    <rPh sb="0" eb="2">
      <t>ゲンキン</t>
    </rPh>
    <rPh sb="2" eb="4">
      <t>キュウヨ</t>
    </rPh>
    <rPh sb="4" eb="6">
      <t>ソウガク</t>
    </rPh>
    <phoneticPr fontId="3"/>
  </si>
  <si>
    <t>転売した商品
の仕入額</t>
    <rPh sb="0" eb="2">
      <t>テンバイ</t>
    </rPh>
    <rPh sb="4" eb="6">
      <t>ショウヒン</t>
    </rPh>
    <rPh sb="8" eb="10">
      <t>シイ</t>
    </rPh>
    <rPh sb="10" eb="11">
      <t>ガク</t>
    </rPh>
    <phoneticPr fontId="3"/>
  </si>
  <si>
    <t>製造等に関連
する外注費</t>
    <rPh sb="0" eb="2">
      <t>セイゾウ</t>
    </rPh>
    <rPh sb="2" eb="3">
      <t>トウ</t>
    </rPh>
    <rPh sb="4" eb="6">
      <t>カンレン</t>
    </rPh>
    <rPh sb="9" eb="12">
      <t>ガイチュウヒ</t>
    </rPh>
    <phoneticPr fontId="3"/>
  </si>
  <si>
    <t>委託生産費</t>
    <rPh sb="0" eb="2">
      <t>イタク</t>
    </rPh>
    <rPh sb="2" eb="4">
      <t>セイサン</t>
    </rPh>
    <rPh sb="4" eb="5">
      <t>ヒ</t>
    </rPh>
    <phoneticPr fontId="3"/>
  </si>
  <si>
    <t>電力使用額</t>
    <rPh sb="0" eb="2">
      <t>デンリョク</t>
    </rPh>
    <rPh sb="2" eb="4">
      <t>シヨウ</t>
    </rPh>
    <rPh sb="4" eb="5">
      <t>ガク</t>
    </rPh>
    <phoneticPr fontId="3"/>
  </si>
  <si>
    <t>燃料使用額</t>
    <rPh sb="0" eb="2">
      <t>ネンリョウ</t>
    </rPh>
    <rPh sb="2" eb="4">
      <t>シヨウ</t>
    </rPh>
    <rPh sb="4" eb="5">
      <t>ガク</t>
    </rPh>
    <phoneticPr fontId="3"/>
  </si>
  <si>
    <t>原材料使用額</t>
    <rPh sb="0" eb="3">
      <t>ゲンザイリョウ</t>
    </rPh>
    <rPh sb="3" eb="5">
      <t>シヨウ</t>
    </rPh>
    <rPh sb="5" eb="6">
      <t>ガク</t>
    </rPh>
    <phoneticPr fontId="3"/>
  </si>
  <si>
    <t>半製品及び仕掛品</t>
    <rPh sb="0" eb="1">
      <t>ハン</t>
    </rPh>
    <rPh sb="1" eb="3">
      <t>セイヒン</t>
    </rPh>
    <rPh sb="3" eb="4">
      <t>オヨ</t>
    </rPh>
    <rPh sb="5" eb="7">
      <t>シカケ</t>
    </rPh>
    <rPh sb="7" eb="8">
      <t>ヒン</t>
    </rPh>
    <phoneticPr fontId="3"/>
  </si>
  <si>
    <t>原材料及び燃料</t>
    <rPh sb="0" eb="3">
      <t>ゲンザイリョウ</t>
    </rPh>
    <rPh sb="3" eb="4">
      <t>オヨ</t>
    </rPh>
    <rPh sb="5" eb="7">
      <t>ネンリョウ</t>
    </rPh>
    <phoneticPr fontId="3"/>
  </si>
  <si>
    <t>差引</t>
    <rPh sb="0" eb="2">
      <t>サシヒキ</t>
    </rPh>
    <phoneticPr fontId="3"/>
  </si>
  <si>
    <t>減</t>
    <rPh sb="0" eb="1">
      <t>ゲン</t>
    </rPh>
    <phoneticPr fontId="3"/>
  </si>
  <si>
    <t>増</t>
    <rPh sb="0" eb="1">
      <t>ゾウ</t>
    </rPh>
    <phoneticPr fontId="3"/>
  </si>
  <si>
    <t>年末現在高</t>
    <rPh sb="0" eb="2">
      <t>ネンマツ</t>
    </rPh>
    <rPh sb="2" eb="4">
      <t>ゲンザイ</t>
    </rPh>
    <rPh sb="4" eb="5">
      <t>タカ</t>
    </rPh>
    <phoneticPr fontId="3"/>
  </si>
  <si>
    <t>減価償却額</t>
    <rPh sb="0" eb="2">
      <t>ゲンカ</t>
    </rPh>
    <rPh sb="2" eb="4">
      <t>ショウキャク</t>
    </rPh>
    <rPh sb="4" eb="5">
      <t>ガク</t>
    </rPh>
    <phoneticPr fontId="3"/>
  </si>
  <si>
    <t>除 却 額</t>
    <rPh sb="0" eb="1">
      <t>ジョ</t>
    </rPh>
    <rPh sb="2" eb="3">
      <t>キャク</t>
    </rPh>
    <rPh sb="4" eb="5">
      <t>ガク</t>
    </rPh>
    <phoneticPr fontId="3"/>
  </si>
  <si>
    <t>取 得 額</t>
    <rPh sb="0" eb="1">
      <t>トリ</t>
    </rPh>
    <rPh sb="2" eb="3">
      <t>エ</t>
    </rPh>
    <rPh sb="4" eb="5">
      <t>ガク</t>
    </rPh>
    <phoneticPr fontId="3"/>
  </si>
  <si>
    <t>年初現在高</t>
    <rPh sb="0" eb="2">
      <t>ネンショ</t>
    </rPh>
    <rPh sb="2" eb="4">
      <t>ゲンザイ</t>
    </rPh>
    <rPh sb="4" eb="5">
      <t>タカ</t>
    </rPh>
    <phoneticPr fontId="3"/>
  </si>
  <si>
    <t>建  設  仮  勘  定</t>
    <rPh sb="0" eb="1">
      <t>ダテ</t>
    </rPh>
    <rPh sb="3" eb="4">
      <t>セツ</t>
    </rPh>
    <rPh sb="6" eb="7">
      <t>カリ</t>
    </rPh>
    <rPh sb="9" eb="10">
      <t>カン</t>
    </rPh>
    <rPh sb="12" eb="13">
      <t>サダム</t>
    </rPh>
    <phoneticPr fontId="3"/>
  </si>
  <si>
    <t>電気機械器具製造業</t>
  </si>
  <si>
    <t>電子部品デバイス・電子回路製造業</t>
    <rPh sb="9" eb="11">
      <t>デンシ</t>
    </rPh>
    <rPh sb="11" eb="13">
      <t>カイロ</t>
    </rPh>
    <phoneticPr fontId="3"/>
  </si>
  <si>
    <t>業務用機械器具製造業</t>
    <rPh sb="0" eb="2">
      <t>ギョウム</t>
    </rPh>
    <rPh sb="2" eb="3">
      <t>ヨウ</t>
    </rPh>
    <rPh sb="3" eb="5">
      <t>キカイ</t>
    </rPh>
    <rPh sb="5" eb="7">
      <t>キグ</t>
    </rPh>
    <phoneticPr fontId="3"/>
  </si>
  <si>
    <t>生産用機械器具製造業</t>
    <rPh sb="0" eb="2">
      <t>セイサン</t>
    </rPh>
    <rPh sb="2" eb="3">
      <t>ヨウ</t>
    </rPh>
    <rPh sb="3" eb="5">
      <t>キカイ</t>
    </rPh>
    <rPh sb="5" eb="7">
      <t>キグ</t>
    </rPh>
    <phoneticPr fontId="3"/>
  </si>
  <si>
    <t>はん用機械器具製造業</t>
    <rPh sb="2" eb="3">
      <t>ヨウ</t>
    </rPh>
    <rPh sb="3" eb="5">
      <t>キカイ</t>
    </rPh>
    <rPh sb="5" eb="7">
      <t>キグ</t>
    </rPh>
    <phoneticPr fontId="3"/>
  </si>
  <si>
    <t>印刷・同関連産業</t>
  </si>
  <si>
    <t>従業者３０人以上の事業所</t>
    <rPh sb="0" eb="3">
      <t>ジュウギョウシャ</t>
    </rPh>
    <rPh sb="5" eb="6">
      <t>ニン</t>
    </rPh>
    <rPh sb="6" eb="8">
      <t>イジョウ</t>
    </rPh>
    <rPh sb="9" eb="12">
      <t>ジギョウショ</t>
    </rPh>
    <phoneticPr fontId="3"/>
  </si>
  <si>
    <t>なめし革・同製品・毛皮製造業</t>
    <phoneticPr fontId="3"/>
  </si>
  <si>
    <t>従業者４～２９人の事業所</t>
    <rPh sb="0" eb="3">
      <t>ジュウギョウシャ</t>
    </rPh>
    <rPh sb="7" eb="8">
      <t>ニン</t>
    </rPh>
    <rPh sb="9" eb="12">
      <t>ジギョウショ</t>
    </rPh>
    <phoneticPr fontId="3"/>
  </si>
  <si>
    <t>従業者４人以上の事業所</t>
    <rPh sb="0" eb="3">
      <t>ジュウギョウシャ</t>
    </rPh>
    <rPh sb="4" eb="7">
      <t>ニンイジョウ</t>
    </rPh>
    <rPh sb="8" eb="10">
      <t>ジギョウ</t>
    </rPh>
    <rPh sb="10" eb="11">
      <t>ショ</t>
    </rPh>
    <phoneticPr fontId="3"/>
  </si>
  <si>
    <t>（人）</t>
    <rPh sb="1" eb="2">
      <t>ニン</t>
    </rPh>
    <phoneticPr fontId="3"/>
  </si>
  <si>
    <t>なめし革・同製品・毛皮製造業</t>
    <phoneticPr fontId="3"/>
  </si>
  <si>
    <t>その他収入額</t>
    <rPh sb="2" eb="3">
      <t>タ</t>
    </rPh>
    <rPh sb="3" eb="4">
      <t>オサム</t>
    </rPh>
    <rPh sb="4" eb="5">
      <t>イリ</t>
    </rPh>
    <rPh sb="5" eb="6">
      <t>ガク</t>
    </rPh>
    <phoneticPr fontId="3"/>
  </si>
  <si>
    <t>加工収入額</t>
    <rPh sb="0" eb="1">
      <t>カ</t>
    </rPh>
    <rPh sb="1" eb="2">
      <t>コウ</t>
    </rPh>
    <rPh sb="2" eb="3">
      <t>オサム</t>
    </rPh>
    <rPh sb="3" eb="4">
      <t>イリ</t>
    </rPh>
    <rPh sb="4" eb="5">
      <t>ガク</t>
    </rPh>
    <phoneticPr fontId="3"/>
  </si>
  <si>
    <t>製造品出荷額</t>
    <rPh sb="0" eb="1">
      <t>セイ</t>
    </rPh>
    <rPh sb="1" eb="2">
      <t>ヅクリ</t>
    </rPh>
    <rPh sb="2" eb="3">
      <t>ヒン</t>
    </rPh>
    <rPh sb="3" eb="4">
      <t>デ</t>
    </rPh>
    <rPh sb="4" eb="5">
      <t>ニ</t>
    </rPh>
    <rPh sb="5" eb="6">
      <t>ガク</t>
    </rPh>
    <phoneticPr fontId="3"/>
  </si>
  <si>
    <t>従業者30人以上の事業所</t>
    <rPh sb="0" eb="3">
      <t>ジュウギョウシャ</t>
    </rPh>
    <rPh sb="5" eb="6">
      <t>ニン</t>
    </rPh>
    <rPh sb="6" eb="8">
      <t>イジョウ</t>
    </rPh>
    <rPh sb="9" eb="12">
      <t>ジギョウショ</t>
    </rPh>
    <phoneticPr fontId="3"/>
  </si>
  <si>
    <t>従業者4～29人の事業所</t>
    <rPh sb="0" eb="3">
      <t>ジュウギョウシャ</t>
    </rPh>
    <rPh sb="7" eb="8">
      <t>ニン</t>
    </rPh>
    <rPh sb="9" eb="12">
      <t>ジギョウショ</t>
    </rPh>
    <phoneticPr fontId="3"/>
  </si>
  <si>
    <t>注：製造工程から出た、くず・廃物分があるため製造品出荷額等＝製造品出荷額＋加工賃収入額＋その他収入額とはならない。</t>
    <rPh sb="0" eb="1">
      <t>チュウ</t>
    </rPh>
    <phoneticPr fontId="3"/>
  </si>
  <si>
    <t>他に分類されないその他の製造業</t>
  </si>
  <si>
    <t>看板・標識機製造業</t>
  </si>
  <si>
    <t>その他の生活雑貨製品製造業</t>
  </si>
  <si>
    <t>畳製造業</t>
  </si>
  <si>
    <t>運動用具製造業</t>
  </si>
  <si>
    <t>貴金属・宝石製装身具（ジュエリー）附属品・同材料加工業</t>
  </si>
  <si>
    <t>その他の産業用運搬車両・同部分品・附属品製造業</t>
  </si>
  <si>
    <t>舶用機関製造業</t>
  </si>
  <si>
    <t>自動車部分品・附属品製造業</t>
  </si>
  <si>
    <t>自動車車体・附随車製造業</t>
  </si>
  <si>
    <t>電気音響機械器具製造業</t>
  </si>
  <si>
    <t>無線通信機械器具製造業</t>
  </si>
  <si>
    <t>その他の民生用電気機械器具製造業</t>
  </si>
  <si>
    <t>内燃機関電装品製造業</t>
  </si>
  <si>
    <t>配線器具・配線附属品製造業</t>
  </si>
  <si>
    <t>配電盤・電力制御装置製造業</t>
  </si>
  <si>
    <t>発電機・電動機・その他の回転電気機械製造業</t>
  </si>
  <si>
    <t>その他の電子部品・デバイス・電子回路製造業</t>
  </si>
  <si>
    <t>電源ユニット・高周波ユニット・コントロールユニット製造業</t>
  </si>
  <si>
    <t>電子回路実装基板製造業</t>
  </si>
  <si>
    <t>電子回路基板製造業</t>
  </si>
  <si>
    <t>コネクタ・スイッチ・リレー製造業</t>
  </si>
  <si>
    <t>音響部品・磁気ヘッド・小形モータ製造業</t>
  </si>
  <si>
    <t>抵抗器・コンデンサ・変成器・複合部品製造業</t>
  </si>
  <si>
    <t>医療用品製造業（動物用医療機械器具を含む）</t>
  </si>
  <si>
    <t>その他の計量器・測定器・分析機器・試験機・測量機械器具・理化学機械器具製造業</t>
  </si>
  <si>
    <t>精密測定器製造業</t>
  </si>
  <si>
    <t>はかり製造業</t>
  </si>
  <si>
    <t>娯楽用機械製造業</t>
  </si>
  <si>
    <t>他に分類されない生産用機械・同部分品製造業</t>
  </si>
  <si>
    <t>ロボット製造業</t>
  </si>
  <si>
    <t>非金属用金型・同部分品・附属品製造業</t>
  </si>
  <si>
    <t>金属用金型・同部分品・附属品製造業</t>
  </si>
  <si>
    <t>フラットパネルディスプレイ製造装置製造業</t>
  </si>
  <si>
    <t>半導体製造装置製造業</t>
  </si>
  <si>
    <t>機械工具製造業（粉末や金業を除く）</t>
  </si>
  <si>
    <t>金属加工機械製造業（金属工作機械を除く）</t>
  </si>
  <si>
    <t>金属工作機械製造業</t>
  </si>
  <si>
    <t>化学機械・同装置製造業</t>
  </si>
  <si>
    <t>包装・荷造機械製造業</t>
  </si>
  <si>
    <t>食品機械・同装置製造業</t>
  </si>
  <si>
    <t>建設機械・鉱山機械製造業</t>
  </si>
  <si>
    <t>各種機械・同部分品製造修理業（注文製造・修理）</t>
  </si>
  <si>
    <t>他に分類されないはん用機械・装置製造業</t>
  </si>
  <si>
    <t>玉軸受・ころ軸受製造業</t>
  </si>
  <si>
    <t>パイプ加工・パイプ附属品加工業</t>
  </si>
  <si>
    <t>弁・同附属品製造業</t>
  </si>
  <si>
    <t>物流運搬設備製造業</t>
  </si>
  <si>
    <t>蒸気機関・タービン・水力タービン製造業（舶用を除く）</t>
  </si>
  <si>
    <t>他に分類されない金属製品製造業</t>
  </si>
  <si>
    <t>ボルト・ナット・リベット・小ねじ・木ねじ等製造業</t>
  </si>
  <si>
    <t>その他の金属表面処理業</t>
  </si>
  <si>
    <t>金属熱処理業</t>
  </si>
  <si>
    <t>電気めっき業（表面処理鋼材製造業を除く）</t>
  </si>
  <si>
    <t>金属製品塗装業</t>
  </si>
  <si>
    <t>粉末や金製品製造業</t>
  </si>
  <si>
    <t>金属プレス製品製造業（アルミニウム・同合金を除く）</t>
  </si>
  <si>
    <t>製缶板金業</t>
  </si>
  <si>
    <t>建築用金属製品製造業（サッシ、ドア、建築用金物を除く）</t>
  </si>
  <si>
    <t>金属製サッシ・ドア製造業</t>
  </si>
  <si>
    <t>建設用金属製品製造業（鉄骨を除く）</t>
  </si>
  <si>
    <t>鉄骨製造業</t>
  </si>
  <si>
    <t>その他の金物類製造業</t>
  </si>
  <si>
    <t>機械刃物製造業</t>
  </si>
  <si>
    <t>アルミニウム第２次製錬・精製業（アルミニウム合金製造業を含む）</t>
  </si>
  <si>
    <t>その他の非鉄金属第１次製錬・精製業</t>
  </si>
  <si>
    <t>他に分類されない鉄鋼業</t>
  </si>
  <si>
    <t>鉄スクラップ加工処理業</t>
  </si>
  <si>
    <t>鉄鋼シャースリット業</t>
  </si>
  <si>
    <t>鍛鋼製造業</t>
  </si>
  <si>
    <t>鍛工品製造業</t>
  </si>
  <si>
    <t>製鋼・製鋼圧延業</t>
  </si>
  <si>
    <t>他に分類されない窯業・土石製品製造業</t>
  </si>
  <si>
    <t>石こう（膏）製品製造業</t>
  </si>
  <si>
    <t>石工品製造業</t>
  </si>
  <si>
    <t>砕石製造業</t>
  </si>
  <si>
    <t>その他の研磨材・同製品製造業</t>
  </si>
  <si>
    <t>研削と石製造業</t>
  </si>
  <si>
    <t>研磨材製造業</t>
  </si>
  <si>
    <t>炭素質電極製造業</t>
  </si>
  <si>
    <t>その他の耐火物製造業</t>
  </si>
  <si>
    <t>電気用陶磁器製造業</t>
  </si>
  <si>
    <t>コンクリート製品製造業</t>
  </si>
  <si>
    <t>生コンクリート製造業</t>
  </si>
  <si>
    <t>板ガラス加工業</t>
  </si>
  <si>
    <t>かばん製造業</t>
  </si>
  <si>
    <t>工業用ゴム製品製造業</t>
  </si>
  <si>
    <t>他に分類されないプラスチック製品加工業</t>
  </si>
  <si>
    <t>他に分類されないプラスチック製品製造業</t>
  </si>
  <si>
    <t>プラスチック製容器製造業</t>
  </si>
  <si>
    <t>プラスチック製日用雑貨・食卓用品製造業</t>
  </si>
  <si>
    <t>プラスチック成形材料製造業</t>
  </si>
  <si>
    <t>発泡・強化プラスチック製品加工業</t>
  </si>
  <si>
    <t>工業用プラスチック製品加工業</t>
  </si>
  <si>
    <t>その他の工業用プラスチック製品製造業（加工業を除く）</t>
  </si>
  <si>
    <t>輸送機械器具用プラスチック製品製造業（加工業を除く）</t>
  </si>
  <si>
    <t>電気機械器具用プラスチック製品製造業（加工業を除く）</t>
  </si>
  <si>
    <t>プラスチックフィルム・シート・床材・合成皮革加工業</t>
  </si>
  <si>
    <t>プラスチック板・棒・管・継手・異形押出製品加工業</t>
  </si>
  <si>
    <t>その他の石油製品・石炭製品製造業</t>
  </si>
  <si>
    <t>舗装材料製造業</t>
  </si>
  <si>
    <t>他に分類されない化学工業製品製造業</t>
  </si>
  <si>
    <t>試薬製造業</t>
  </si>
  <si>
    <t>生薬・漢方製剤製造業</t>
  </si>
  <si>
    <t>医薬品製剤製造業</t>
  </si>
  <si>
    <t>医薬品原薬製造業</t>
  </si>
  <si>
    <t>その他の有機化学工業製品製造業</t>
  </si>
  <si>
    <t>プラスチック製造業</t>
  </si>
  <si>
    <t>その他の無機化学工業製品製造業</t>
  </si>
  <si>
    <t>圧縮ガス・液化ガス製造業</t>
  </si>
  <si>
    <t>無機顔料製造業</t>
  </si>
  <si>
    <t>複合肥料製造業</t>
  </si>
  <si>
    <t>印刷物加工業</t>
  </si>
  <si>
    <t>製本業</t>
  </si>
  <si>
    <t>紙以外の印刷業</t>
  </si>
  <si>
    <t>オフセット印刷業（紙に対するもの）</t>
  </si>
  <si>
    <t>その他のパルプ・紙・紙加工品製造業</t>
  </si>
  <si>
    <t>紙器製造業</t>
  </si>
  <si>
    <t>段ボール箱製造業</t>
  </si>
  <si>
    <t>重包装紙袋製造業</t>
  </si>
  <si>
    <t>その他の紙製品製造業</t>
  </si>
  <si>
    <t>日用紙製品製造業</t>
  </si>
  <si>
    <t>事務用・学用紙製品製造業</t>
  </si>
  <si>
    <t>板紙製造業</t>
  </si>
  <si>
    <t>他に分類されない家具・装備品製造業</t>
  </si>
  <si>
    <t>建具製造業</t>
  </si>
  <si>
    <t>木製家具製造業（漆塗りを除く）</t>
  </si>
  <si>
    <t>木箱製造業</t>
  </si>
  <si>
    <t>建築用木製組立材料製造業</t>
  </si>
  <si>
    <t>造作材製造業（建具を除く）</t>
  </si>
  <si>
    <t>木材チップ製造業</t>
  </si>
  <si>
    <t>一般製材業</t>
  </si>
  <si>
    <t>他に分類されない繊維製品製造業</t>
  </si>
  <si>
    <t>帆布製品製造業</t>
  </si>
  <si>
    <t>寝具製造業</t>
  </si>
  <si>
    <t>その他の外衣・シャツ製造業</t>
  </si>
  <si>
    <t>ニット製アウターシャツ類製造業</t>
  </si>
  <si>
    <t>織物製成人女子・少女服製造業（不織布製及びレース製を含む）</t>
  </si>
  <si>
    <t>たて編ニット生地製造業</t>
  </si>
  <si>
    <t>綿紡績業</t>
  </si>
  <si>
    <t>化学繊維製造業</t>
  </si>
  <si>
    <t>有機質肥料製造業</t>
  </si>
  <si>
    <t>配合飼料製造業</t>
  </si>
  <si>
    <t>製茶業</t>
  </si>
  <si>
    <t>清酒製造業</t>
  </si>
  <si>
    <t>果実酒製造業</t>
  </si>
  <si>
    <t>清涼飲料製造業</t>
  </si>
  <si>
    <t>他に分類されない食料品製造業</t>
  </si>
  <si>
    <t>すし・弁当・調理パン製造業</t>
  </si>
  <si>
    <t>そう（惣）菜製造業</t>
  </si>
  <si>
    <t>冷凍調理食品製造業</t>
  </si>
  <si>
    <t>あん類製造業</t>
  </si>
  <si>
    <t>豆腐・油揚製造業</t>
  </si>
  <si>
    <t>めん類製造業</t>
  </si>
  <si>
    <t>動植物油脂製造業（食用油脂加工業を除く）</t>
  </si>
  <si>
    <t>その他のパン・菓子製造業</t>
  </si>
  <si>
    <t>ビスケット類・干菓子製造業</t>
  </si>
  <si>
    <t>生菓子製造業</t>
  </si>
  <si>
    <t>パン製造業</t>
  </si>
  <si>
    <t>その他の精穀・製粉業</t>
  </si>
  <si>
    <t>ぶどう糖・水あめ・異性化糖製造業</t>
  </si>
  <si>
    <t>味そ製造業</t>
  </si>
  <si>
    <t>その他の水産食料品製造業</t>
  </si>
  <si>
    <t>水産練製品製造業</t>
  </si>
  <si>
    <t>処理牛乳・乳飲料製造業</t>
  </si>
  <si>
    <t>部分肉・冷凍肉製造業</t>
  </si>
  <si>
    <t>製造品出荷額等(万円)</t>
    <rPh sb="0" eb="2">
      <t>セイゾウ</t>
    </rPh>
    <rPh sb="2" eb="3">
      <t>ヒン</t>
    </rPh>
    <rPh sb="8" eb="10">
      <t>マンエン</t>
    </rPh>
    <phoneticPr fontId="3"/>
  </si>
  <si>
    <t>従業者数
（人）</t>
    <rPh sb="3" eb="4">
      <t>スウ</t>
    </rPh>
    <rPh sb="6" eb="7">
      <t>ニン</t>
    </rPh>
    <phoneticPr fontId="3"/>
  </si>
  <si>
    <t>産業名称</t>
    <phoneticPr fontId="3"/>
  </si>
  <si>
    <t>注：製造工程から出た、くず・廃物分があるため製造品出荷額等＝製造品出荷額＋加工賃収入額＋その他収入額とはならない。</t>
    <phoneticPr fontId="3"/>
  </si>
  <si>
    <t>印刷・同関連業</t>
    <phoneticPr fontId="3"/>
  </si>
  <si>
    <t>出荷額等</t>
    <phoneticPr fontId="3"/>
  </si>
  <si>
    <t>使用額等</t>
    <rPh sb="0" eb="2">
      <t>シヨウ</t>
    </rPh>
    <rPh sb="2" eb="3">
      <t>ガク</t>
    </rPh>
    <rPh sb="3" eb="4">
      <t>トウ</t>
    </rPh>
    <phoneticPr fontId="3"/>
  </si>
  <si>
    <t>給与総額</t>
    <rPh sb="0" eb="2">
      <t>キュウヨ</t>
    </rPh>
    <rPh sb="2" eb="4">
      <t>ソウガク</t>
    </rPh>
    <phoneticPr fontId="3"/>
  </si>
  <si>
    <t>有形固定資産
投資総額</t>
    <rPh sb="7" eb="9">
      <t>トウシ</t>
    </rPh>
    <rPh sb="9" eb="10">
      <t>ソウ</t>
    </rPh>
    <rPh sb="10" eb="11">
      <t>ガク</t>
    </rPh>
    <phoneticPr fontId="3"/>
  </si>
  <si>
    <t>製造品</t>
    <phoneticPr fontId="3"/>
  </si>
  <si>
    <t>原 材 料</t>
    <rPh sb="0" eb="1">
      <t>ハラ</t>
    </rPh>
    <rPh sb="2" eb="3">
      <t>ザイ</t>
    </rPh>
    <rPh sb="4" eb="5">
      <t>リョウ</t>
    </rPh>
    <phoneticPr fontId="3"/>
  </si>
  <si>
    <t>現      金</t>
    <rPh sb="0" eb="1">
      <t>ウツツ</t>
    </rPh>
    <rPh sb="7" eb="8">
      <t>キン</t>
    </rPh>
    <phoneticPr fontId="3"/>
  </si>
  <si>
    <t>有形固定資産
投資総額</t>
    <rPh sb="7" eb="9">
      <t>トウシ</t>
    </rPh>
    <rPh sb="9" eb="11">
      <t>ソウガク</t>
    </rPh>
    <phoneticPr fontId="3"/>
  </si>
  <si>
    <t>有  形  固  定  資  産  の  合  計</t>
    <rPh sb="0" eb="1">
      <t>ユウ</t>
    </rPh>
    <rPh sb="3" eb="4">
      <t>カタチ</t>
    </rPh>
    <rPh sb="6" eb="7">
      <t>ガタマリ</t>
    </rPh>
    <rPh sb="9" eb="10">
      <t>サダム</t>
    </rPh>
    <rPh sb="12" eb="13">
      <t>シ</t>
    </rPh>
    <rPh sb="15" eb="16">
      <t>サン</t>
    </rPh>
    <rPh sb="21" eb="22">
      <t>ゴウ</t>
    </rPh>
    <rPh sb="24" eb="25">
      <t>ケイ</t>
    </rPh>
    <phoneticPr fontId="3"/>
  </si>
  <si>
    <t>事業所数</t>
    <rPh sb="0" eb="4">
      <t>ジギョウショスウ</t>
    </rPh>
    <phoneticPr fontId="3"/>
  </si>
  <si>
    <t>従業者数</t>
    <rPh sb="0" eb="4">
      <t>ジュウギョウシャスウ</t>
    </rPh>
    <phoneticPr fontId="3"/>
  </si>
  <si>
    <t>乳製品製造業（処理牛乳、乳飲料を除く）</t>
  </si>
  <si>
    <t>その他の畜産食料品製造業</t>
  </si>
  <si>
    <t>塩干・塩蔵品製造業</t>
  </si>
  <si>
    <t>冷凍水産食品製造業</t>
  </si>
  <si>
    <t>セーター類製造業</t>
  </si>
  <si>
    <t>合板製造業</t>
  </si>
  <si>
    <t>パーティクルボード製造業</t>
  </si>
  <si>
    <t>他に分類されない木製品製造業（竹、とうを含む）</t>
  </si>
  <si>
    <t>オフセット印刷以外の印刷業（紙に対するもの）</t>
  </si>
  <si>
    <t>塗料製造業</t>
  </si>
  <si>
    <t>強化プラスチック製容器・浴槽等製造業</t>
  </si>
  <si>
    <t>ゴムホース製造業</t>
  </si>
  <si>
    <t>再生骨材製造業</t>
  </si>
  <si>
    <t>熱間圧延業（鋼管、伸鉄を除く）</t>
  </si>
  <si>
    <t>銑鉄鋳物製造業（鋳鉄管、可鍛鋳鉄を除く）</t>
  </si>
  <si>
    <t>他に分類されない非鉄金属製造業</t>
  </si>
  <si>
    <t>利器工匠具・手道具製造業（やすり、のこぎり、食卓用刃物を除く）</t>
  </si>
  <si>
    <t>その他の暖房・調理装置製造業（電気機械器具、ガス機器、石油機器を除く）</t>
  </si>
  <si>
    <t>アルミニウム・同合金プレス製品製造業</t>
  </si>
  <si>
    <t>金属製スプリング製造業</t>
  </si>
  <si>
    <t>油圧・空圧機器製造業</t>
  </si>
  <si>
    <t>動力伝導装置製造業（玉軸受、ころ軸受を除く）</t>
  </si>
  <si>
    <t>エレベータ・エスカレータ製造業</t>
  </si>
  <si>
    <t>金属工作機械用・金属加工機械用部分品・附属品製造業（機械工具、金型を除く）</t>
  </si>
  <si>
    <t>試験機製造業</t>
  </si>
  <si>
    <t>理化学機械器具製造業</t>
  </si>
  <si>
    <t>半導体素子製造業（光電変換素子を除く）</t>
  </si>
  <si>
    <t>半導体メモリメディア製造業</t>
  </si>
  <si>
    <t>変圧器類製造業（電子機器用を除く）</t>
  </si>
  <si>
    <t>電気溶接機製造業</t>
  </si>
  <si>
    <t>電気計測器製造業（別掲を除く）</t>
  </si>
  <si>
    <t>交通信号保安装置製造業</t>
  </si>
  <si>
    <t>電子計算機製造業（パーソナルコンピュータを除く）</t>
  </si>
  <si>
    <t>χ</t>
  </si>
  <si>
    <t>0911</t>
  </si>
  <si>
    <t>0913</t>
  </si>
  <si>
    <t>0914</t>
  </si>
  <si>
    <t>0919</t>
  </si>
  <si>
    <t>0923</t>
  </si>
  <si>
    <t>0924</t>
  </si>
  <si>
    <t>0926</t>
  </si>
  <si>
    <t>0929</t>
  </si>
  <si>
    <t>0941</t>
  </si>
  <si>
    <t>0953</t>
  </si>
  <si>
    <t>0969</t>
  </si>
  <si>
    <t>0971</t>
  </si>
  <si>
    <t>0972</t>
  </si>
  <si>
    <t>0973</t>
  </si>
  <si>
    <t>0979</t>
  </si>
  <si>
    <t>0981</t>
  </si>
  <si>
    <t>0992</t>
  </si>
  <si>
    <t>0993</t>
  </si>
  <si>
    <t>0994</t>
  </si>
  <si>
    <t>0995</t>
  </si>
  <si>
    <t>0996</t>
  </si>
  <si>
    <t>0997</t>
  </si>
  <si>
    <t>0999</t>
  </si>
  <si>
    <t>1011</t>
  </si>
  <si>
    <t>1021</t>
  </si>
  <si>
    <t>1023</t>
  </si>
  <si>
    <t>1031</t>
  </si>
  <si>
    <t>1061</t>
  </si>
  <si>
    <t>1063</t>
  </si>
  <si>
    <t>1112</t>
  </si>
  <si>
    <t>1114</t>
  </si>
  <si>
    <t>1132</t>
  </si>
  <si>
    <t>1162</t>
  </si>
  <si>
    <t>1167</t>
  </si>
  <si>
    <t>1168</t>
  </si>
  <si>
    <t>1169</t>
  </si>
  <si>
    <t>1191</t>
  </si>
  <si>
    <t>1194</t>
  </si>
  <si>
    <t>1199</t>
  </si>
  <si>
    <t>1211</t>
  </si>
  <si>
    <t>1213</t>
  </si>
  <si>
    <t>1221</t>
  </si>
  <si>
    <t>1222</t>
  </si>
  <si>
    <t>1224</t>
  </si>
  <si>
    <t>1225</t>
  </si>
  <si>
    <t>1232</t>
  </si>
  <si>
    <t>1299</t>
  </si>
  <si>
    <t>1311</t>
  </si>
  <si>
    <t>1331</t>
  </si>
  <si>
    <t>1399</t>
  </si>
  <si>
    <t>1422</t>
  </si>
  <si>
    <t>1441</t>
  </si>
  <si>
    <t>1442</t>
  </si>
  <si>
    <t>1449</t>
  </si>
  <si>
    <t>1451</t>
  </si>
  <si>
    <t>1453</t>
  </si>
  <si>
    <t>1454</t>
  </si>
  <si>
    <t>1499</t>
  </si>
  <si>
    <t>1511</t>
  </si>
  <si>
    <t>1512</t>
  </si>
  <si>
    <t>1513</t>
  </si>
  <si>
    <t>1531</t>
  </si>
  <si>
    <t>1532</t>
  </si>
  <si>
    <t>1612</t>
  </si>
  <si>
    <t>1622</t>
  </si>
  <si>
    <t>1623</t>
  </si>
  <si>
    <t>1629</t>
  </si>
  <si>
    <t>1635</t>
  </si>
  <si>
    <t>1639</t>
  </si>
  <si>
    <t>1644</t>
  </si>
  <si>
    <t>1651</t>
  </si>
  <si>
    <t>1652</t>
  </si>
  <si>
    <t>1654</t>
  </si>
  <si>
    <t>1697</t>
  </si>
  <si>
    <t>1699</t>
  </si>
  <si>
    <t>1741</t>
  </si>
  <si>
    <t>1799</t>
  </si>
  <si>
    <t>1815</t>
  </si>
  <si>
    <t>1825</t>
  </si>
  <si>
    <t>1831</t>
  </si>
  <si>
    <t>1832</t>
  </si>
  <si>
    <t>1833</t>
  </si>
  <si>
    <t>1834</t>
  </si>
  <si>
    <t>1844</t>
  </si>
  <si>
    <t>1845</t>
  </si>
  <si>
    <t>1851</t>
  </si>
  <si>
    <t>1891</t>
  </si>
  <si>
    <t>1892</t>
  </si>
  <si>
    <t>1897</t>
  </si>
  <si>
    <t>1898</t>
  </si>
  <si>
    <t>1932</t>
  </si>
  <si>
    <t>1933</t>
  </si>
  <si>
    <t>2061</t>
  </si>
  <si>
    <t>2112</t>
  </si>
  <si>
    <t>2122</t>
  </si>
  <si>
    <t>2123</t>
  </si>
  <si>
    <t>2144</t>
  </si>
  <si>
    <t>2159</t>
  </si>
  <si>
    <t>2161</t>
  </si>
  <si>
    <t>2171</t>
  </si>
  <si>
    <t>2172</t>
  </si>
  <si>
    <t>2179</t>
  </si>
  <si>
    <t>2181</t>
  </si>
  <si>
    <t>2182</t>
  </si>
  <si>
    <t>2184</t>
  </si>
  <si>
    <t>2192</t>
  </si>
  <si>
    <t>2199</t>
  </si>
  <si>
    <t>2221</t>
  </si>
  <si>
    <t>2231</t>
  </si>
  <si>
    <t>2251</t>
  </si>
  <si>
    <t>2254</t>
  </si>
  <si>
    <t>2255</t>
  </si>
  <si>
    <t>2291</t>
  </si>
  <si>
    <t>2292</t>
  </si>
  <si>
    <t>2299</t>
  </si>
  <si>
    <t>2319</t>
  </si>
  <si>
    <t>2322</t>
  </si>
  <si>
    <t>2399</t>
  </si>
  <si>
    <t>2422</t>
  </si>
  <si>
    <t>2423</t>
  </si>
  <si>
    <t>2429</t>
  </si>
  <si>
    <t>2439</t>
  </si>
  <si>
    <t>2441</t>
  </si>
  <si>
    <t>2442</t>
  </si>
  <si>
    <t>2443</t>
  </si>
  <si>
    <t>2445</t>
  </si>
  <si>
    <t>2446</t>
  </si>
  <si>
    <t>2451</t>
  </si>
  <si>
    <t>2452</t>
  </si>
  <si>
    <t>2453</t>
  </si>
  <si>
    <t>2461</t>
  </si>
  <si>
    <t>2464</t>
  </si>
  <si>
    <t>2465</t>
  </si>
  <si>
    <t>2469</t>
  </si>
  <si>
    <t>2481</t>
  </si>
  <si>
    <t>2492</t>
  </si>
  <si>
    <t>2499</t>
  </si>
  <si>
    <t>2512</t>
  </si>
  <si>
    <t>2523</t>
  </si>
  <si>
    <t>2531</t>
  </si>
  <si>
    <t>2532</t>
  </si>
  <si>
    <t>2533</t>
  </si>
  <si>
    <t>2592</t>
  </si>
  <si>
    <t>2593</t>
  </si>
  <si>
    <t>2594</t>
  </si>
  <si>
    <t>2596</t>
  </si>
  <si>
    <t>2599</t>
  </si>
  <si>
    <t>2621</t>
  </si>
  <si>
    <t>2641</t>
  </si>
  <si>
    <t>2645</t>
  </si>
  <si>
    <t>2652</t>
  </si>
  <si>
    <t>2661</t>
  </si>
  <si>
    <t>2662</t>
  </si>
  <si>
    <t>2663</t>
  </si>
  <si>
    <t>2664</t>
  </si>
  <si>
    <t>2671</t>
  </si>
  <si>
    <t>2672</t>
  </si>
  <si>
    <t>2691</t>
  </si>
  <si>
    <t>2692</t>
  </si>
  <si>
    <t>2694</t>
  </si>
  <si>
    <t>2699</t>
  </si>
  <si>
    <t>2722</t>
  </si>
  <si>
    <t>2732</t>
  </si>
  <si>
    <t>2734</t>
  </si>
  <si>
    <t>2736</t>
  </si>
  <si>
    <t>2738</t>
  </si>
  <si>
    <t>2739</t>
  </si>
  <si>
    <t>2743</t>
  </si>
  <si>
    <t>2813</t>
  </si>
  <si>
    <t>2821</t>
  </si>
  <si>
    <t>2822</t>
  </si>
  <si>
    <t>2823</t>
  </si>
  <si>
    <t>2831</t>
  </si>
  <si>
    <t>2841</t>
  </si>
  <si>
    <t>2842</t>
  </si>
  <si>
    <t>2851</t>
  </si>
  <si>
    <t>2899</t>
  </si>
  <si>
    <t>2911</t>
  </si>
  <si>
    <t>2912</t>
  </si>
  <si>
    <t>2914</t>
  </si>
  <si>
    <t>2915</t>
  </si>
  <si>
    <t>2921</t>
  </si>
  <si>
    <t>2922</t>
  </si>
  <si>
    <t>2939</t>
  </si>
  <si>
    <t>2971</t>
  </si>
  <si>
    <t>3013</t>
  </si>
  <si>
    <t>3015</t>
  </si>
  <si>
    <t>3023</t>
  </si>
  <si>
    <t>3031</t>
  </si>
  <si>
    <t>3112</t>
  </si>
  <si>
    <t>3113</t>
  </si>
  <si>
    <t>3134</t>
  </si>
  <si>
    <t>3159</t>
  </si>
  <si>
    <t>3212</t>
  </si>
  <si>
    <t>3253</t>
  </si>
  <si>
    <t>3282</t>
  </si>
  <si>
    <t>3289</t>
  </si>
  <si>
    <t>3292</t>
  </si>
  <si>
    <t>3299</t>
  </si>
  <si>
    <t>　　　　</t>
  </si>
  <si>
    <t>計</t>
  </si>
  <si>
    <t>従業者４人以上の事業所</t>
  </si>
  <si>
    <t>製造品出荷額等</t>
  </si>
  <si>
    <t>　 ：個人経営調査票による調査分を含まない。</t>
    <rPh sb="3" eb="7">
      <t>コジンケイエイ</t>
    </rPh>
    <rPh sb="7" eb="10">
      <t>チョウサヒョウ</t>
    </rPh>
    <rPh sb="13" eb="16">
      <t>チョウサブン</t>
    </rPh>
    <rPh sb="17" eb="18">
      <t>フク</t>
    </rPh>
    <phoneticPr fontId="3"/>
  </si>
  <si>
    <t>産業分類番号</t>
    <phoneticPr fontId="3"/>
  </si>
  <si>
    <t>年末在庫額</t>
    <rPh sb="0" eb="1">
      <t>トシ</t>
    </rPh>
    <rPh sb="1" eb="2">
      <t>スエ</t>
    </rPh>
    <rPh sb="2" eb="3">
      <t>ザイ</t>
    </rPh>
    <rPh sb="3" eb="4">
      <t>コ</t>
    </rPh>
    <rPh sb="4" eb="5">
      <t>ガク</t>
    </rPh>
    <phoneticPr fontId="3"/>
  </si>
  <si>
    <t>年初在庫額</t>
    <rPh sb="0" eb="1">
      <t>トシ</t>
    </rPh>
    <rPh sb="1" eb="2">
      <t>ショ</t>
    </rPh>
    <rPh sb="2" eb="3">
      <t>ザイ</t>
    </rPh>
    <rPh sb="3" eb="4">
      <t>コ</t>
    </rPh>
    <rPh sb="4" eb="5">
      <t>ガク</t>
    </rPh>
    <phoneticPr fontId="3"/>
  </si>
  <si>
    <t>製造品出荷額等</t>
    <rPh sb="6" eb="7">
      <t>トウ</t>
    </rPh>
    <phoneticPr fontId="3"/>
  </si>
  <si>
    <t>原材料使用額等</t>
    <phoneticPr fontId="3"/>
  </si>
  <si>
    <t>製造品出荷額等</t>
    <rPh sb="3" eb="4">
      <t>デ</t>
    </rPh>
    <rPh sb="4" eb="5">
      <t>ニ</t>
    </rPh>
    <rPh sb="5" eb="6">
      <t>ガク</t>
    </rPh>
    <rPh sb="6" eb="7">
      <t>トウ</t>
    </rPh>
    <phoneticPr fontId="3"/>
  </si>
  <si>
    <t>（粗）付加価値額</t>
    <rPh sb="1" eb="2">
      <t>ソ</t>
    </rPh>
    <rPh sb="3" eb="7">
      <t>フカカチ</t>
    </rPh>
    <rPh sb="7" eb="8">
      <t>ガク</t>
    </rPh>
    <phoneticPr fontId="3"/>
  </si>
  <si>
    <t>産業中分類別  現金給与総額 ・ 原材料使用額等 ・ 製造品出荷額等（従業者4～29人の事業所）</t>
    <rPh sb="0" eb="2">
      <t>サンギョウ</t>
    </rPh>
    <rPh sb="2" eb="3">
      <t>チュウ</t>
    </rPh>
    <rPh sb="3" eb="5">
      <t>ブンルイ</t>
    </rPh>
    <rPh sb="5" eb="6">
      <t>ベツ</t>
    </rPh>
    <rPh sb="8" eb="10">
      <t>ゲンキン</t>
    </rPh>
    <rPh sb="10" eb="12">
      <t>キュウヨ</t>
    </rPh>
    <rPh sb="12" eb="14">
      <t>ソウガク</t>
    </rPh>
    <rPh sb="17" eb="20">
      <t>ゲンザイリョウ</t>
    </rPh>
    <rPh sb="20" eb="22">
      <t>シヨウ</t>
    </rPh>
    <rPh sb="22" eb="23">
      <t>ガク</t>
    </rPh>
    <rPh sb="23" eb="24">
      <t>トウ</t>
    </rPh>
    <rPh sb="27" eb="29">
      <t>セイゾウ</t>
    </rPh>
    <rPh sb="29" eb="30">
      <t>ヒン</t>
    </rPh>
    <rPh sb="30" eb="32">
      <t>シュッカ</t>
    </rPh>
    <rPh sb="32" eb="33">
      <t>ガク</t>
    </rPh>
    <rPh sb="33" eb="34">
      <t>トウ</t>
    </rPh>
    <rPh sb="35" eb="38">
      <t>ジュウギョウシャ</t>
    </rPh>
    <rPh sb="42" eb="43">
      <t>ニン</t>
    </rPh>
    <rPh sb="44" eb="46">
      <t>ジギョウ</t>
    </rPh>
    <rPh sb="46" eb="47">
      <t>ジョ</t>
    </rPh>
    <phoneticPr fontId="3"/>
  </si>
  <si>
    <t>事業所数
（30人以上）</t>
    <rPh sb="0" eb="2">
      <t>ジギョウ</t>
    </rPh>
    <rPh sb="2" eb="3">
      <t>ショ</t>
    </rPh>
    <rPh sb="3" eb="4">
      <t>スウ</t>
    </rPh>
    <phoneticPr fontId="3"/>
  </si>
  <si>
    <t>産業細分類別　事業所数 ・ 従業者数 ・ 製造品出荷額等（従業者４人以上の事業所）、事業所数 （従業者30人以上の事業所）</t>
    <rPh sb="0" eb="2">
      <t>サンギョウ</t>
    </rPh>
    <rPh sb="2" eb="5">
      <t>サイブンルイ</t>
    </rPh>
    <rPh sb="5" eb="6">
      <t>ベツ</t>
    </rPh>
    <rPh sb="7" eb="10">
      <t>ジギョウショ</t>
    </rPh>
    <rPh sb="10" eb="11">
      <t>スウ</t>
    </rPh>
    <rPh sb="14" eb="17">
      <t>ジュウギョウシャ</t>
    </rPh>
    <rPh sb="17" eb="18">
      <t>スウ</t>
    </rPh>
    <rPh sb="21" eb="23">
      <t>セイゾウ</t>
    </rPh>
    <rPh sb="23" eb="24">
      <t>ヒン</t>
    </rPh>
    <rPh sb="24" eb="27">
      <t>シュッカガク</t>
    </rPh>
    <rPh sb="27" eb="28">
      <t>トウ</t>
    </rPh>
    <rPh sb="29" eb="32">
      <t>ジュウギョウシャ</t>
    </rPh>
    <rPh sb="33" eb="36">
      <t>ニンイジョウ</t>
    </rPh>
    <rPh sb="37" eb="40">
      <t>ジギョウショ</t>
    </rPh>
    <phoneticPr fontId="3"/>
  </si>
  <si>
    <t>事業所数
（4人以上）</t>
    <rPh sb="0" eb="3">
      <t>ジギョウショ</t>
    </rPh>
    <rPh sb="3" eb="4">
      <t>スウ</t>
    </rPh>
    <phoneticPr fontId="3"/>
  </si>
  <si>
    <t>注：個人経営調査票による調査分を含まない。</t>
    <rPh sb="0" eb="1">
      <t>チュウ</t>
    </rPh>
    <phoneticPr fontId="3"/>
  </si>
  <si>
    <t>産業中分類別　現金給与総額 ・ 原材料使用額等 ・ 製造品出荷額等 ・ 生産額 ・ （粗）付加価値額 ・ 有形固定資産投資総額（従業者4人以上の事業所）</t>
    <rPh sb="2" eb="3">
      <t>チュウ</t>
    </rPh>
    <rPh sb="3" eb="5">
      <t>ブンルイ</t>
    </rPh>
    <rPh sb="7" eb="13">
      <t>ゲンキンキュウヨソウガク</t>
    </rPh>
    <rPh sb="16" eb="21">
      <t>ゲンザイリョウシヨウ</t>
    </rPh>
    <rPh sb="21" eb="22">
      <t>ガク</t>
    </rPh>
    <rPh sb="22" eb="23">
      <t>トウ</t>
    </rPh>
    <rPh sb="36" eb="39">
      <t>セイサンガク</t>
    </rPh>
    <rPh sb="43" eb="44">
      <t>ソ</t>
    </rPh>
    <rPh sb="45" eb="50">
      <t>フカカチガク</t>
    </rPh>
    <rPh sb="53" eb="59">
      <t>ユウケイコテイシサン</t>
    </rPh>
    <rPh sb="59" eb="63">
      <t>トウシソウガク</t>
    </rPh>
    <phoneticPr fontId="3"/>
  </si>
  <si>
    <t>産業中分類別　製造品出荷額等</t>
    <rPh sb="0" eb="2">
      <t>サンギョウ</t>
    </rPh>
    <rPh sb="2" eb="3">
      <t>ナカ</t>
    </rPh>
    <rPh sb="3" eb="5">
      <t>ブンルイ</t>
    </rPh>
    <rPh sb="5" eb="6">
      <t>ベツ</t>
    </rPh>
    <rPh sb="7" eb="9">
      <t>セイゾウ</t>
    </rPh>
    <rPh sb="9" eb="10">
      <t>ヒン</t>
    </rPh>
    <rPh sb="10" eb="12">
      <t>シュッカ</t>
    </rPh>
    <rPh sb="12" eb="13">
      <t>ガク</t>
    </rPh>
    <rPh sb="13" eb="14">
      <t>トウ</t>
    </rPh>
    <phoneticPr fontId="3"/>
  </si>
  <si>
    <t>産業中分類別　事業所・従業者数</t>
    <rPh sb="0" eb="2">
      <t>サンギョウ</t>
    </rPh>
    <rPh sb="2" eb="3">
      <t>ナカ</t>
    </rPh>
    <rPh sb="3" eb="5">
      <t>ブンルイ</t>
    </rPh>
    <rPh sb="5" eb="6">
      <t>ベツ</t>
    </rPh>
    <rPh sb="7" eb="10">
      <t>ジギョウショ</t>
    </rPh>
    <rPh sb="11" eb="15">
      <t>ジュウギョウシャスウ</t>
    </rPh>
    <phoneticPr fontId="3"/>
  </si>
  <si>
    <t>産業中分類別　現金給与総額 ・ 製造品出荷額等 ・ 在庫額 ・ 有形固定資産 ・ 建設仮勘定 ・ 有形固定資産投資総額（従業者３０人以上の事業所）</t>
    <rPh sb="0" eb="2">
      <t>サンギョウ</t>
    </rPh>
    <rPh sb="2" eb="3">
      <t>チュウ</t>
    </rPh>
    <rPh sb="3" eb="5">
      <t>ブンルイ</t>
    </rPh>
    <rPh sb="5" eb="6">
      <t>ベツ</t>
    </rPh>
    <rPh sb="7" eb="9">
      <t>ゲンキン</t>
    </rPh>
    <rPh sb="9" eb="11">
      <t>キュウヨ</t>
    </rPh>
    <rPh sb="11" eb="13">
      <t>ソウガク</t>
    </rPh>
    <rPh sb="16" eb="19">
      <t>セイゾウヒン</t>
    </rPh>
    <rPh sb="19" eb="21">
      <t>シュッカ</t>
    </rPh>
    <rPh sb="21" eb="22">
      <t>ガク</t>
    </rPh>
    <rPh sb="22" eb="23">
      <t>トウ</t>
    </rPh>
    <rPh sb="26" eb="28">
      <t>ザイコ</t>
    </rPh>
    <rPh sb="28" eb="29">
      <t>ガク</t>
    </rPh>
    <phoneticPr fontId="3"/>
  </si>
  <si>
    <t>χ</t>
    <phoneticPr fontId="3"/>
  </si>
  <si>
    <t>　 ：総務省・経済産業省「令和３年経済センサス-活動調査」の調査票情報を富山市が独自集計したものである。</t>
    <rPh sb="3" eb="6">
      <t>ソウムショウ</t>
    </rPh>
    <rPh sb="7" eb="12">
      <t>ケイザイサンギョウショウ</t>
    </rPh>
    <rPh sb="13" eb="15">
      <t>レイワ</t>
    </rPh>
    <rPh sb="16" eb="17">
      <t>ネン</t>
    </rPh>
    <rPh sb="17" eb="19">
      <t>ケイザイ</t>
    </rPh>
    <rPh sb="23" eb="28">
      <t>ハイフンカツドウチョウサ</t>
    </rPh>
    <rPh sb="30" eb="35">
      <t>チョウサヒョウジョウホウ</t>
    </rPh>
    <rPh sb="36" eb="39">
      <t>トヤマシ</t>
    </rPh>
    <rPh sb="40" eb="42">
      <t>ドクジ</t>
    </rPh>
    <rPh sb="42" eb="44">
      <t>シュウケイ</t>
    </rPh>
    <phoneticPr fontId="3"/>
  </si>
  <si>
    <t>令和3年6月1日現在</t>
    <rPh sb="0" eb="2">
      <t>レイワ</t>
    </rPh>
    <rPh sb="3" eb="4">
      <t>ネン</t>
    </rPh>
    <rPh sb="4" eb="5">
      <t>ヘイネン</t>
    </rPh>
    <rPh sb="5" eb="6">
      <t>ガツ</t>
    </rPh>
    <rPh sb="7" eb="8">
      <t>ヒ</t>
    </rPh>
    <rPh sb="8" eb="10">
      <t>ゲンザイ</t>
    </rPh>
    <phoneticPr fontId="3"/>
  </si>
  <si>
    <t>地  区  別</t>
    <rPh sb="0" eb="1">
      <t>チ</t>
    </rPh>
    <rPh sb="3" eb="4">
      <t>ク</t>
    </rPh>
    <rPh sb="6" eb="7">
      <t>ベツ</t>
    </rPh>
    <phoneticPr fontId="3"/>
  </si>
  <si>
    <t>事          業          所          数</t>
    <rPh sb="0" eb="1">
      <t>コト</t>
    </rPh>
    <rPh sb="11" eb="12">
      <t>ギョウ</t>
    </rPh>
    <rPh sb="22" eb="23">
      <t>トコロ</t>
    </rPh>
    <rPh sb="33" eb="34">
      <t>スウ</t>
    </rPh>
    <phoneticPr fontId="3"/>
  </si>
  <si>
    <t>従業者数</t>
    <rPh sb="0" eb="1">
      <t>ジュウ</t>
    </rPh>
    <rPh sb="1" eb="2">
      <t>ギョウ</t>
    </rPh>
    <rPh sb="2" eb="3">
      <t>シャ</t>
    </rPh>
    <rPh sb="3" eb="4">
      <t>スウ</t>
    </rPh>
    <phoneticPr fontId="3"/>
  </si>
  <si>
    <t>製造品
出荷額等</t>
    <rPh sb="0" eb="1">
      <t>セイ</t>
    </rPh>
    <rPh sb="1" eb="2">
      <t>ヅクリ</t>
    </rPh>
    <rPh sb="2" eb="3">
      <t>ヒン</t>
    </rPh>
    <phoneticPr fontId="3"/>
  </si>
  <si>
    <t>総  数</t>
    <rPh sb="0" eb="1">
      <t>フサ</t>
    </rPh>
    <rPh sb="3" eb="4">
      <t>カズ</t>
    </rPh>
    <phoneticPr fontId="3"/>
  </si>
  <si>
    <t>食料品</t>
    <rPh sb="0" eb="3">
      <t>ショクリョウヒン</t>
    </rPh>
    <phoneticPr fontId="3"/>
  </si>
  <si>
    <t>飲料
・
たばこ
・
飼料</t>
  </si>
  <si>
    <t>繊維
工業</t>
  </si>
  <si>
    <t>木材
･
木製品</t>
  </si>
  <si>
    <t>家具
･
装備品</t>
  </si>
  <si>
    <t>パルプ
・
紙
・
紙加工品</t>
    <rPh sb="6" eb="7">
      <t>カミ</t>
    </rPh>
    <rPh sb="10" eb="11">
      <t>カミ</t>
    </rPh>
    <rPh sb="11" eb="14">
      <t>カコウヒン</t>
    </rPh>
    <phoneticPr fontId="3"/>
  </si>
  <si>
    <t>印刷
･
同関連業</t>
    <rPh sb="8" eb="9">
      <t>ギョウ</t>
    </rPh>
    <phoneticPr fontId="3"/>
  </si>
  <si>
    <t>化学
工業</t>
    <rPh sb="0" eb="1">
      <t>カ</t>
    </rPh>
    <rPh sb="1" eb="2">
      <t>ガク</t>
    </rPh>
    <rPh sb="3" eb="5">
      <t>コウギョウ</t>
    </rPh>
    <phoneticPr fontId="3"/>
  </si>
  <si>
    <t>石油製品
・
石炭製品</t>
  </si>
  <si>
    <t>プラス
チック
製品</t>
  </si>
  <si>
    <t>ゴム製品</t>
    <rPh sb="2" eb="4">
      <t>セイヒン</t>
    </rPh>
    <phoneticPr fontId="3"/>
  </si>
  <si>
    <t>なめし革
・
同製品
・
毛皮</t>
  </si>
  <si>
    <t>窯業
・
土石製品</t>
    <rPh sb="5" eb="7">
      <t>ドセキ</t>
    </rPh>
    <rPh sb="7" eb="9">
      <t>セイヒン</t>
    </rPh>
    <phoneticPr fontId="3"/>
  </si>
  <si>
    <t>鉄鋼業</t>
    <rPh sb="0" eb="2">
      <t>テッコウ</t>
    </rPh>
    <rPh sb="2" eb="3">
      <t>ギョウ</t>
    </rPh>
    <phoneticPr fontId="3"/>
  </si>
  <si>
    <t>非鉄金属</t>
    <rPh sb="0" eb="1">
      <t>ヒ</t>
    </rPh>
    <rPh sb="1" eb="2">
      <t>テツ</t>
    </rPh>
    <rPh sb="2" eb="4">
      <t>キンゾク</t>
    </rPh>
    <phoneticPr fontId="3"/>
  </si>
  <si>
    <t>金属製品</t>
    <rPh sb="0" eb="1">
      <t>キン</t>
    </rPh>
    <rPh sb="1" eb="2">
      <t>ゾク</t>
    </rPh>
    <rPh sb="2" eb="4">
      <t>セイヒン</t>
    </rPh>
    <phoneticPr fontId="3"/>
  </si>
  <si>
    <t>はん用
機械器具</t>
    <rPh sb="4" eb="6">
      <t>キカイ</t>
    </rPh>
    <rPh sb="6" eb="8">
      <t>キグ</t>
    </rPh>
    <phoneticPr fontId="3"/>
  </si>
  <si>
    <t>生産用
機械器具</t>
    <rPh sb="4" eb="6">
      <t>キカイ</t>
    </rPh>
    <rPh sb="6" eb="8">
      <t>キグ</t>
    </rPh>
    <phoneticPr fontId="3"/>
  </si>
  <si>
    <t>業務用
機械器具</t>
    <rPh sb="4" eb="6">
      <t>キカイ</t>
    </rPh>
    <rPh sb="6" eb="8">
      <t>キグ</t>
    </rPh>
    <phoneticPr fontId="3"/>
  </si>
  <si>
    <t>電子部品
・
デバイス
・
電子回路</t>
    <rPh sb="14" eb="16">
      <t>デンシ</t>
    </rPh>
    <rPh sb="16" eb="18">
      <t>カイロ</t>
    </rPh>
    <phoneticPr fontId="3"/>
  </si>
  <si>
    <t>電気
機械器具</t>
    <rPh sb="3" eb="5">
      <t>キカイ</t>
    </rPh>
    <rPh sb="5" eb="7">
      <t>キグ</t>
    </rPh>
    <phoneticPr fontId="3"/>
  </si>
  <si>
    <t>情報通信
機械器具</t>
  </si>
  <si>
    <t>輸送用
機械器具</t>
  </si>
  <si>
    <t>その他の
製造業</t>
    <rPh sb="5" eb="8">
      <t>セイゾウギョウ</t>
    </rPh>
    <phoneticPr fontId="3"/>
  </si>
  <si>
    <t>総      数</t>
    <rPh sb="0" eb="1">
      <t>フサ</t>
    </rPh>
    <rPh sb="7" eb="8">
      <t>カズ</t>
    </rPh>
    <phoneticPr fontId="3"/>
  </si>
  <si>
    <t>富山地域</t>
    <rPh sb="0" eb="2">
      <t>トヤマ</t>
    </rPh>
    <rPh sb="2" eb="4">
      <t>チイキ</t>
    </rPh>
    <phoneticPr fontId="3"/>
  </si>
  <si>
    <t>総曲輪</t>
    <rPh sb="0" eb="3">
      <t>ソウガワ</t>
    </rPh>
    <phoneticPr fontId="3"/>
  </si>
  <si>
    <t>-</t>
  </si>
  <si>
    <t>愛宕</t>
    <rPh sb="0" eb="1">
      <t>アイ</t>
    </rPh>
    <rPh sb="1" eb="2">
      <t>ゴ</t>
    </rPh>
    <phoneticPr fontId="3"/>
  </si>
  <si>
    <t>安野屋</t>
    <rPh sb="0" eb="2">
      <t>ヤスノ</t>
    </rPh>
    <rPh sb="2" eb="3">
      <t>ヤ</t>
    </rPh>
    <phoneticPr fontId="3"/>
  </si>
  <si>
    <t>八人町</t>
    <rPh sb="0" eb="3">
      <t>ハチニンマチ</t>
    </rPh>
    <phoneticPr fontId="3"/>
  </si>
  <si>
    <t>五番町</t>
    <rPh sb="0" eb="1">
      <t>ゴ</t>
    </rPh>
    <rPh sb="1" eb="2">
      <t>バン</t>
    </rPh>
    <rPh sb="2" eb="3">
      <t>マチ</t>
    </rPh>
    <phoneticPr fontId="3"/>
  </si>
  <si>
    <t>柳町</t>
    <rPh sb="0" eb="2">
      <t>ヤナギマチ</t>
    </rPh>
    <phoneticPr fontId="3"/>
  </si>
  <si>
    <t>清水町</t>
    <rPh sb="0" eb="3">
      <t>シミズマチ</t>
    </rPh>
    <phoneticPr fontId="3"/>
  </si>
  <si>
    <t>星井町</t>
    <rPh sb="0" eb="3">
      <t>ホシイチョウ</t>
    </rPh>
    <phoneticPr fontId="3"/>
  </si>
  <si>
    <t>西田地方</t>
    <rPh sb="0" eb="1">
      <t>ニシ</t>
    </rPh>
    <rPh sb="1" eb="3">
      <t>デンチ</t>
    </rPh>
    <rPh sb="3" eb="4">
      <t>カタ</t>
    </rPh>
    <phoneticPr fontId="3"/>
  </si>
  <si>
    <t>堀川</t>
    <rPh sb="0" eb="2">
      <t>ホリカワ</t>
    </rPh>
    <phoneticPr fontId="3"/>
  </si>
  <si>
    <t>堀川南</t>
    <rPh sb="0" eb="2">
      <t>ホリカワ</t>
    </rPh>
    <rPh sb="2" eb="3">
      <t>ミナミ</t>
    </rPh>
    <phoneticPr fontId="3"/>
  </si>
  <si>
    <t>東部</t>
    <rPh sb="0" eb="2">
      <t>トウブ</t>
    </rPh>
    <phoneticPr fontId="3"/>
  </si>
  <si>
    <t>奥田</t>
    <rPh sb="0" eb="2">
      <t>オクダ</t>
    </rPh>
    <phoneticPr fontId="3"/>
  </si>
  <si>
    <t>奥田北</t>
    <rPh sb="0" eb="2">
      <t>オクダ</t>
    </rPh>
    <rPh sb="2" eb="3">
      <t>キタ</t>
    </rPh>
    <phoneticPr fontId="3"/>
  </si>
  <si>
    <t>桜谷</t>
    <rPh sb="0" eb="1">
      <t>サクラ</t>
    </rPh>
    <rPh sb="1" eb="2">
      <t>タニ</t>
    </rPh>
    <phoneticPr fontId="3"/>
  </si>
  <si>
    <t>五福</t>
    <rPh sb="0" eb="1">
      <t>ゴ</t>
    </rPh>
    <rPh sb="1" eb="2">
      <t>フク</t>
    </rPh>
    <phoneticPr fontId="3"/>
  </si>
  <si>
    <t>神明</t>
    <rPh sb="0" eb="1">
      <t>シン</t>
    </rPh>
    <rPh sb="1" eb="2">
      <t>メイ</t>
    </rPh>
    <phoneticPr fontId="3"/>
  </si>
  <si>
    <t>岩瀬</t>
    <rPh sb="0" eb="2">
      <t>イワセ</t>
    </rPh>
    <phoneticPr fontId="3"/>
  </si>
  <si>
    <t>萩浦</t>
    <rPh sb="0" eb="1">
      <t>ハギ</t>
    </rPh>
    <rPh sb="1" eb="2">
      <t>ウラ</t>
    </rPh>
    <phoneticPr fontId="3"/>
  </si>
  <si>
    <t>大広田</t>
    <rPh sb="0" eb="3">
      <t>オオヒロタ</t>
    </rPh>
    <phoneticPr fontId="3"/>
  </si>
  <si>
    <t>浜黒崎</t>
    <rPh sb="0" eb="1">
      <t>ハマ</t>
    </rPh>
    <rPh sb="1" eb="3">
      <t>クロサキ</t>
    </rPh>
    <phoneticPr fontId="3"/>
  </si>
  <si>
    <t>針原</t>
    <rPh sb="0" eb="2">
      <t>ハリハラ</t>
    </rPh>
    <phoneticPr fontId="3"/>
  </si>
  <si>
    <t>豊田</t>
    <rPh sb="0" eb="2">
      <t>トヨタ</t>
    </rPh>
    <phoneticPr fontId="3"/>
  </si>
  <si>
    <t>広田</t>
    <rPh sb="0" eb="2">
      <t>ヒロタ</t>
    </rPh>
    <phoneticPr fontId="3"/>
  </si>
  <si>
    <t>新庄</t>
    <rPh sb="0" eb="2">
      <t>シンジョウ</t>
    </rPh>
    <phoneticPr fontId="3"/>
  </si>
  <si>
    <t>藤ノ木</t>
    <rPh sb="0" eb="1">
      <t>フジ</t>
    </rPh>
    <rPh sb="2" eb="3">
      <t>キ</t>
    </rPh>
    <phoneticPr fontId="3"/>
  </si>
  <si>
    <t>山室</t>
    <rPh sb="0" eb="2">
      <t>ヤマムロ</t>
    </rPh>
    <phoneticPr fontId="3"/>
  </si>
  <si>
    <t>山室中部</t>
    <rPh sb="0" eb="2">
      <t>ヤマムロ</t>
    </rPh>
    <rPh sb="2" eb="4">
      <t>チュウブ</t>
    </rPh>
    <phoneticPr fontId="3"/>
  </si>
  <si>
    <t>太田</t>
    <rPh sb="0" eb="2">
      <t>オオタ</t>
    </rPh>
    <phoneticPr fontId="3"/>
  </si>
  <si>
    <t>蜷川</t>
    <rPh sb="0" eb="2">
      <t>ニナガワ</t>
    </rPh>
    <phoneticPr fontId="3"/>
  </si>
  <si>
    <t>新保</t>
    <rPh sb="0" eb="2">
      <t>シンボ</t>
    </rPh>
    <phoneticPr fontId="3"/>
  </si>
  <si>
    <t>熊野</t>
    <rPh sb="0" eb="2">
      <t>クマノ</t>
    </rPh>
    <phoneticPr fontId="3"/>
  </si>
  <si>
    <t>月岡</t>
    <rPh sb="0" eb="2">
      <t>ツキオカ</t>
    </rPh>
    <phoneticPr fontId="3"/>
  </si>
  <si>
    <t>四方</t>
    <rPh sb="0" eb="1">
      <t>ヨ</t>
    </rPh>
    <rPh sb="1" eb="2">
      <t>カタ</t>
    </rPh>
    <phoneticPr fontId="3"/>
  </si>
  <si>
    <t>八幡</t>
    <rPh sb="0" eb="2">
      <t>ヤハタ</t>
    </rPh>
    <phoneticPr fontId="3"/>
  </si>
  <si>
    <t>草島</t>
    <rPh sb="0" eb="2">
      <t>クサジマ</t>
    </rPh>
    <phoneticPr fontId="3"/>
  </si>
  <si>
    <t>倉垣</t>
    <rPh sb="0" eb="1">
      <t>クラ</t>
    </rPh>
    <rPh sb="1" eb="2">
      <t>カキ</t>
    </rPh>
    <phoneticPr fontId="3"/>
  </si>
  <si>
    <t>呉羽</t>
    <rPh sb="0" eb="2">
      <t>クレハ</t>
    </rPh>
    <phoneticPr fontId="3"/>
  </si>
  <si>
    <t>長岡</t>
    <rPh sb="0" eb="2">
      <t>ナガオカ</t>
    </rPh>
    <phoneticPr fontId="3"/>
  </si>
  <si>
    <t>寒江</t>
    <rPh sb="0" eb="1">
      <t>カン</t>
    </rPh>
    <rPh sb="1" eb="2">
      <t>エ</t>
    </rPh>
    <phoneticPr fontId="3"/>
  </si>
  <si>
    <t>古沢</t>
    <rPh sb="0" eb="2">
      <t>フルサワ</t>
    </rPh>
    <phoneticPr fontId="3"/>
  </si>
  <si>
    <t>老田</t>
    <rPh sb="0" eb="2">
      <t>オイダ</t>
    </rPh>
    <phoneticPr fontId="3"/>
  </si>
  <si>
    <t>池多</t>
    <rPh sb="0" eb="1">
      <t>イケ</t>
    </rPh>
    <rPh sb="1" eb="2">
      <t>タ</t>
    </rPh>
    <phoneticPr fontId="3"/>
  </si>
  <si>
    <t>水橋中部</t>
    <rPh sb="0" eb="2">
      <t>ミズハシ</t>
    </rPh>
    <rPh sb="2" eb="4">
      <t>チュウブ</t>
    </rPh>
    <phoneticPr fontId="3"/>
  </si>
  <si>
    <t>水橋西部</t>
    <rPh sb="0" eb="2">
      <t>ミズハシ</t>
    </rPh>
    <rPh sb="2" eb="4">
      <t>セイブ</t>
    </rPh>
    <phoneticPr fontId="3"/>
  </si>
  <si>
    <t>水橋東部</t>
    <rPh sb="0" eb="2">
      <t>ミズハシ</t>
    </rPh>
    <rPh sb="2" eb="4">
      <t>トウブ</t>
    </rPh>
    <phoneticPr fontId="3"/>
  </si>
  <si>
    <t>三郷</t>
    <rPh sb="0" eb="2">
      <t>サンゴウ</t>
    </rPh>
    <phoneticPr fontId="3"/>
  </si>
  <si>
    <t>上条</t>
    <rPh sb="0" eb="1">
      <t>カミ</t>
    </rPh>
    <rPh sb="1" eb="2">
      <t>ジョウ</t>
    </rPh>
    <phoneticPr fontId="3"/>
  </si>
  <si>
    <t>光陽</t>
    <rPh sb="0" eb="1">
      <t>ヒカリ</t>
    </rPh>
    <rPh sb="1" eb="2">
      <t>ヨウ</t>
    </rPh>
    <phoneticPr fontId="3"/>
  </si>
  <si>
    <t>新庄北</t>
    <rPh sb="0" eb="2">
      <t>シンジョウ</t>
    </rPh>
    <rPh sb="2" eb="3">
      <t>キタ</t>
    </rPh>
    <phoneticPr fontId="3"/>
  </si>
  <si>
    <t>大沢野地域</t>
    <rPh sb="0" eb="3">
      <t>オオサワノ</t>
    </rPh>
    <rPh sb="3" eb="5">
      <t>チイキ</t>
    </rPh>
    <phoneticPr fontId="3"/>
  </si>
  <si>
    <t>下タ</t>
    <rPh sb="0" eb="1">
      <t>シモ</t>
    </rPh>
    <phoneticPr fontId="3"/>
  </si>
  <si>
    <t>小羽</t>
    <rPh sb="0" eb="1">
      <t>コ</t>
    </rPh>
    <rPh sb="1" eb="2">
      <t>バネ</t>
    </rPh>
    <phoneticPr fontId="3"/>
  </si>
  <si>
    <t>船峅</t>
    <rPh sb="0" eb="1">
      <t>フナ</t>
    </rPh>
    <rPh sb="1" eb="2">
      <t>クラ</t>
    </rPh>
    <phoneticPr fontId="3"/>
  </si>
  <si>
    <t>大沢野</t>
    <rPh sb="0" eb="3">
      <t>オオサワノ</t>
    </rPh>
    <phoneticPr fontId="3"/>
  </si>
  <si>
    <t>大久保</t>
    <rPh sb="0" eb="3">
      <t>オオクボ</t>
    </rPh>
    <phoneticPr fontId="3"/>
  </si>
  <si>
    <t>大山地域</t>
    <rPh sb="0" eb="2">
      <t>オオヤマ</t>
    </rPh>
    <rPh sb="2" eb="4">
      <t>チイキ</t>
    </rPh>
    <phoneticPr fontId="3"/>
  </si>
  <si>
    <t>上滝</t>
    <rPh sb="0" eb="2">
      <t>カミダキ</t>
    </rPh>
    <phoneticPr fontId="3"/>
  </si>
  <si>
    <t>大山</t>
    <rPh sb="0" eb="2">
      <t>オオヤマ</t>
    </rPh>
    <phoneticPr fontId="3"/>
  </si>
  <si>
    <t>大庄</t>
    <rPh sb="0" eb="2">
      <t>オオショウ</t>
    </rPh>
    <phoneticPr fontId="3"/>
  </si>
  <si>
    <t>福沢</t>
    <rPh sb="0" eb="2">
      <t>フクザワ</t>
    </rPh>
    <phoneticPr fontId="3"/>
  </si>
  <si>
    <t>八尾地域</t>
    <rPh sb="0" eb="2">
      <t>ヤツオ</t>
    </rPh>
    <rPh sb="2" eb="4">
      <t>チイキ</t>
    </rPh>
    <phoneticPr fontId="3"/>
  </si>
  <si>
    <t>八尾</t>
    <rPh sb="0" eb="2">
      <t>ヤツオ</t>
    </rPh>
    <phoneticPr fontId="3"/>
  </si>
  <si>
    <t>保内</t>
    <rPh sb="0" eb="1">
      <t>タモツ</t>
    </rPh>
    <rPh sb="1" eb="2">
      <t>ナイ</t>
    </rPh>
    <phoneticPr fontId="3"/>
  </si>
  <si>
    <t>杉原</t>
    <rPh sb="0" eb="2">
      <t>スギハラ</t>
    </rPh>
    <phoneticPr fontId="3"/>
  </si>
  <si>
    <t>卯花</t>
    <rPh sb="0" eb="1">
      <t>ウ</t>
    </rPh>
    <rPh sb="1" eb="2">
      <t>ハナ</t>
    </rPh>
    <phoneticPr fontId="3"/>
  </si>
  <si>
    <t>室牧</t>
    <rPh sb="0" eb="1">
      <t>ムロ</t>
    </rPh>
    <rPh sb="1" eb="2">
      <t>マキ</t>
    </rPh>
    <phoneticPr fontId="3"/>
  </si>
  <si>
    <t>黒瀬谷</t>
    <rPh sb="0" eb="2">
      <t>クロセ</t>
    </rPh>
    <rPh sb="2" eb="3">
      <t>タニ</t>
    </rPh>
    <phoneticPr fontId="3"/>
  </si>
  <si>
    <t>野積</t>
    <rPh sb="0" eb="1">
      <t>ノ</t>
    </rPh>
    <rPh sb="1" eb="2">
      <t>ヅ</t>
    </rPh>
    <phoneticPr fontId="3"/>
  </si>
  <si>
    <t>仁歩</t>
    <rPh sb="0" eb="1">
      <t>ジン</t>
    </rPh>
    <rPh sb="1" eb="2">
      <t>ホ</t>
    </rPh>
    <phoneticPr fontId="3"/>
  </si>
  <si>
    <t>大長谷</t>
    <rPh sb="0" eb="1">
      <t>ダイ</t>
    </rPh>
    <rPh sb="1" eb="2">
      <t>ナガ</t>
    </rPh>
    <rPh sb="2" eb="3">
      <t>タニ</t>
    </rPh>
    <phoneticPr fontId="3"/>
  </si>
  <si>
    <t>婦中地域</t>
    <rPh sb="0" eb="2">
      <t>フチュウ</t>
    </rPh>
    <rPh sb="2" eb="4">
      <t>チイキ</t>
    </rPh>
    <phoneticPr fontId="3"/>
  </si>
  <si>
    <t>速星</t>
    <rPh sb="0" eb="2">
      <t>ハヤホシ</t>
    </rPh>
    <phoneticPr fontId="3"/>
  </si>
  <si>
    <t>鵜坂</t>
    <rPh sb="0" eb="1">
      <t>ウ</t>
    </rPh>
    <rPh sb="1" eb="2">
      <t>サカ</t>
    </rPh>
    <phoneticPr fontId="3"/>
  </si>
  <si>
    <t>朝日</t>
    <rPh sb="0" eb="2">
      <t>アサヒ</t>
    </rPh>
    <phoneticPr fontId="3"/>
  </si>
  <si>
    <t>-</t>
    <phoneticPr fontId="20"/>
  </si>
  <si>
    <t>宮川</t>
    <rPh sb="0" eb="2">
      <t>ミヤカワ</t>
    </rPh>
    <phoneticPr fontId="3"/>
  </si>
  <si>
    <t>婦中熊野</t>
    <rPh sb="0" eb="2">
      <t>フチュウ</t>
    </rPh>
    <rPh sb="2" eb="4">
      <t>クマノ</t>
    </rPh>
    <phoneticPr fontId="3"/>
  </si>
  <si>
    <t>古里</t>
    <rPh sb="0" eb="2">
      <t>フルサト</t>
    </rPh>
    <phoneticPr fontId="3"/>
  </si>
  <si>
    <t>音川</t>
    <rPh sb="0" eb="2">
      <t>オトカワ</t>
    </rPh>
    <phoneticPr fontId="3"/>
  </si>
  <si>
    <t>神保</t>
    <rPh sb="0" eb="2">
      <t>ジンボ</t>
    </rPh>
    <phoneticPr fontId="3"/>
  </si>
  <si>
    <t>山田地域</t>
    <rPh sb="0" eb="2">
      <t>ヤマダ</t>
    </rPh>
    <rPh sb="2" eb="4">
      <t>チイキ</t>
    </rPh>
    <phoneticPr fontId="3"/>
  </si>
  <si>
    <t>山田南部</t>
    <rPh sb="0" eb="2">
      <t>ヤマダ</t>
    </rPh>
    <rPh sb="2" eb="4">
      <t>ナンブ</t>
    </rPh>
    <phoneticPr fontId="3"/>
  </si>
  <si>
    <t>山田中部</t>
    <rPh sb="0" eb="2">
      <t>ヤマダ</t>
    </rPh>
    <rPh sb="2" eb="4">
      <t>チュウブ</t>
    </rPh>
    <phoneticPr fontId="3"/>
  </si>
  <si>
    <t>山田西部</t>
    <rPh sb="0" eb="2">
      <t>ヤマダ</t>
    </rPh>
    <rPh sb="2" eb="4">
      <t>セイブ</t>
    </rPh>
    <phoneticPr fontId="3"/>
  </si>
  <si>
    <t>山田東部</t>
    <rPh sb="0" eb="2">
      <t>ヤマダ</t>
    </rPh>
    <rPh sb="2" eb="4">
      <t>トウブ</t>
    </rPh>
    <phoneticPr fontId="3"/>
  </si>
  <si>
    <t>細入地域</t>
    <rPh sb="0" eb="2">
      <t>ホソイリ</t>
    </rPh>
    <rPh sb="2" eb="4">
      <t>チイキ</t>
    </rPh>
    <phoneticPr fontId="3"/>
  </si>
  <si>
    <t>細入北部</t>
    <rPh sb="0" eb="2">
      <t>ホソイリ</t>
    </rPh>
    <rPh sb="2" eb="4">
      <t>ホクブ</t>
    </rPh>
    <phoneticPr fontId="3"/>
  </si>
  <si>
    <t>細入南部</t>
    <rPh sb="0" eb="2">
      <t>ホソイリ</t>
    </rPh>
    <phoneticPr fontId="3"/>
  </si>
  <si>
    <t>地区別 ・ 産業中分類別 ・ 事業所数 ・ 従業者数 ・ 製造品出荷額等（従業者4人以上の事業所）</t>
    <rPh sb="0" eb="3">
      <t>チクベツ</t>
    </rPh>
    <rPh sb="6" eb="8">
      <t>サンギョウ</t>
    </rPh>
    <rPh sb="8" eb="9">
      <t>チュウ</t>
    </rPh>
    <rPh sb="9" eb="11">
      <t>ブンルイ</t>
    </rPh>
    <rPh sb="11" eb="12">
      <t>ベツ</t>
    </rPh>
    <rPh sb="15" eb="18">
      <t>ジギョウショ</t>
    </rPh>
    <rPh sb="18" eb="19">
      <t>スウ</t>
    </rPh>
    <phoneticPr fontId="3"/>
  </si>
  <si>
    <t>　　　 ：総務省・経済産業省「令和３年経済センサス-活動調査」の調査票情報を富山市が独自集計したものである。</t>
    <rPh sb="5" eb="8">
      <t>ソウムショウ</t>
    </rPh>
    <rPh sb="9" eb="14">
      <t>ケイザイサンギョウショウ</t>
    </rPh>
    <rPh sb="15" eb="17">
      <t>レイワ</t>
    </rPh>
    <rPh sb="18" eb="19">
      <t>ネン</t>
    </rPh>
    <rPh sb="19" eb="21">
      <t>ケイザイ</t>
    </rPh>
    <rPh sb="25" eb="30">
      <t>ハイフンカツドウチョウサ</t>
    </rPh>
    <rPh sb="32" eb="37">
      <t>チョウサヒョウジョウホウ</t>
    </rPh>
    <rPh sb="38" eb="41">
      <t>トヤマシ</t>
    </rPh>
    <rPh sb="42" eb="44">
      <t>ドクジ</t>
    </rPh>
    <rPh sb="44" eb="46">
      <t>シュウケイ</t>
    </rPh>
    <phoneticPr fontId="3"/>
  </si>
  <si>
    <r>
      <t>　  注：</t>
    </r>
    <r>
      <rPr>
        <sz val="10"/>
        <color theme="1"/>
        <rFont val="ＭＳ Ｐ明朝"/>
        <family val="1"/>
        <charset val="128"/>
      </rPr>
      <t>個人経営調査票による調査分を含まない。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9">
    <numFmt numFmtId="176" formatCode="?,??0\ ;&quot;△&quot;?,??0\ ;0\ ;@\ "/>
    <numFmt numFmtId="177" formatCode="#,##0;&quot;△&quot;#,##0;#&quot;-&quot;"/>
    <numFmt numFmtId="178" formatCode="#,##0_);[Red]\(#,##0\)"/>
    <numFmt numFmtId="179" formatCode="#,##0;&quot;△&quot;#,##0;&quot;-&quot;"/>
    <numFmt numFmtId="180" formatCode="#,##0;&quot;▲ &quot;#,##0"/>
    <numFmt numFmtId="181" formatCode="0_ "/>
    <numFmt numFmtId="182" formatCode="?,??0\ ;&quot;△&quot;?,??0\ ;\-\ ;@\ "/>
    <numFmt numFmtId="183" formatCode="#,##0_ "/>
    <numFmt numFmtId="184" formatCode="?,??0;&quot;△&quot;?,??0;0;@"/>
  </numFmts>
  <fonts count="33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0"/>
      <name val="ＭＳ Ｐ明朝"/>
      <family val="1"/>
      <charset val="128"/>
    </font>
    <font>
      <sz val="10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color indexed="8"/>
      <name val="ＭＳ Ｐ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sz val="12"/>
      <color indexed="20"/>
      <name val="ＭＳ Ｐゴシック"/>
      <family val="3"/>
      <charset val="128"/>
    </font>
    <font>
      <b/>
      <sz val="12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  <scheme val="minor"/>
    </font>
    <font>
      <b/>
      <sz val="1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0"/>
      <color theme="1"/>
      <name val="ＭＳ Ｐ明朝"/>
      <family val="1"/>
      <charset val="128"/>
    </font>
    <font>
      <b/>
      <sz val="10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1"/>
      <name val="ＭＳ Ｐ明朝"/>
      <family val="1"/>
      <charset val="128"/>
    </font>
    <font>
      <sz val="8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10"/>
      <color theme="1"/>
      <name val="ＭＳ Ｐゴシック"/>
      <family val="3"/>
      <charset val="128"/>
      <scheme val="minor"/>
    </font>
    <font>
      <b/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4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auto="1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/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/>
      <diagonal/>
    </border>
    <border>
      <left style="thin">
        <color indexed="64"/>
      </left>
      <right style="thin">
        <color indexed="8"/>
      </right>
      <top style="thin">
        <color indexed="64"/>
      </top>
      <bottom/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double">
        <color indexed="64"/>
      </left>
      <right/>
      <top/>
      <bottom/>
      <diagonal/>
    </border>
    <border>
      <left style="double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9">
    <xf numFmtId="0" fontId="0" fillId="0" borderId="0"/>
    <xf numFmtId="38" fontId="2" fillId="0" borderId="0" applyFont="0" applyFill="0" applyBorder="0" applyAlignment="0" applyProtection="0"/>
    <xf numFmtId="0" fontId="2" fillId="0" borderId="0"/>
    <xf numFmtId="0" fontId="10" fillId="0" borderId="0"/>
    <xf numFmtId="38" fontId="1" fillId="0" borderId="0" applyFont="0" applyFill="0" applyBorder="0" applyAlignment="0" applyProtection="0">
      <alignment vertical="center"/>
    </xf>
    <xf numFmtId="38" fontId="10" fillId="0" borderId="0" applyFont="0" applyFill="0" applyBorder="0" applyAlignment="0" applyProtection="0">
      <alignment vertical="center"/>
    </xf>
    <xf numFmtId="0" fontId="2" fillId="0" borderId="0"/>
    <xf numFmtId="0" fontId="2" fillId="0" borderId="0"/>
    <xf numFmtId="0" fontId="19" fillId="0" borderId="0"/>
  </cellStyleXfs>
  <cellXfs count="326">
    <xf numFmtId="0" fontId="0" fillId="0" borderId="0" xfId="0"/>
    <xf numFmtId="179" fontId="6" fillId="0" borderId="0" xfId="0" applyNumberFormat="1" applyFont="1" applyFill="1" applyAlignment="1">
      <alignment vertical="center"/>
    </xf>
    <xf numFmtId="179" fontId="5" fillId="0" borderId="0" xfId="0" applyNumberFormat="1" applyFont="1" applyFill="1" applyBorder="1" applyAlignment="1" applyProtection="1">
      <alignment horizontal="right" vertical="center"/>
    </xf>
    <xf numFmtId="177" fontId="5" fillId="0" borderId="0" xfId="0" applyNumberFormat="1" applyFont="1" applyFill="1" applyAlignment="1">
      <alignment vertical="center"/>
    </xf>
    <xf numFmtId="179" fontId="6" fillId="0" borderId="0" xfId="0" applyNumberFormat="1" applyFont="1" applyFill="1" applyBorder="1" applyAlignment="1">
      <alignment horizontal="distributed" vertical="center"/>
    </xf>
    <xf numFmtId="179" fontId="6" fillId="0" borderId="5" xfId="0" applyNumberFormat="1" applyFont="1" applyFill="1" applyBorder="1" applyAlignment="1">
      <alignment horizontal="distributed" vertical="center"/>
    </xf>
    <xf numFmtId="0" fontId="4" fillId="0" borderId="0" xfId="0" applyFont="1" applyFill="1" applyAlignment="1">
      <alignment vertical="center"/>
    </xf>
    <xf numFmtId="0" fontId="4" fillId="0" borderId="0" xfId="0" applyFont="1" applyFill="1" applyBorder="1" applyAlignment="1">
      <alignment vertical="center"/>
    </xf>
    <xf numFmtId="177" fontId="6" fillId="0" borderId="19" xfId="0" applyNumberFormat="1" applyFont="1" applyFill="1" applyBorder="1" applyAlignment="1">
      <alignment vertical="center"/>
    </xf>
    <xf numFmtId="177" fontId="4" fillId="0" borderId="0" xfId="0" applyNumberFormat="1" applyFont="1" applyFill="1" applyAlignment="1">
      <alignment vertical="center"/>
    </xf>
    <xf numFmtId="177" fontId="9" fillId="0" borderId="0" xfId="0" applyNumberFormat="1" applyFont="1" applyAlignment="1"/>
    <xf numFmtId="179" fontId="10" fillId="0" borderId="0" xfId="2" applyNumberFormat="1" applyFont="1" applyFill="1"/>
    <xf numFmtId="0" fontId="10" fillId="0" borderId="0" xfId="2" applyFont="1" applyFill="1"/>
    <xf numFmtId="0" fontId="10" fillId="0" borderId="0" xfId="2" applyFont="1" applyFill="1" applyAlignment="1">
      <alignment horizontal="justify" vertical="center"/>
    </xf>
    <xf numFmtId="0" fontId="10" fillId="0" borderId="0" xfId="2" applyFont="1" applyFill="1" applyAlignment="1">
      <alignment horizontal="right"/>
    </xf>
    <xf numFmtId="0" fontId="10" fillId="0" borderId="15" xfId="2" applyFont="1" applyFill="1" applyBorder="1" applyAlignment="1">
      <alignment horizontal="right"/>
    </xf>
    <xf numFmtId="0" fontId="11" fillId="0" borderId="0" xfId="2" applyFont="1" applyFill="1"/>
    <xf numFmtId="177" fontId="0" fillId="0" borderId="0" xfId="0" applyNumberFormat="1" applyFont="1" applyFill="1" applyAlignment="1">
      <alignment vertical="center"/>
    </xf>
    <xf numFmtId="179" fontId="0" fillId="0" borderId="0" xfId="0" applyNumberFormat="1" applyFont="1" applyFill="1" applyAlignment="1">
      <alignment vertical="center"/>
    </xf>
    <xf numFmtId="177" fontId="0" fillId="0" borderId="0" xfId="0" applyNumberFormat="1" applyFont="1" applyFill="1" applyBorder="1" applyAlignment="1">
      <alignment vertical="center"/>
    </xf>
    <xf numFmtId="181" fontId="8" fillId="0" borderId="32" xfId="3" applyNumberFormat="1" applyFont="1" applyFill="1" applyBorder="1" applyAlignment="1">
      <alignment horizontal="center" vertical="center" wrapText="1"/>
    </xf>
    <xf numFmtId="0" fontId="10" fillId="0" borderId="0" xfId="2" applyFont="1" applyFill="1" applyAlignment="1">
      <alignment vertical="center"/>
    </xf>
    <xf numFmtId="0" fontId="10" fillId="0" borderId="15" xfId="2" applyFont="1" applyFill="1" applyBorder="1" applyAlignment="1">
      <alignment horizontal="justify" vertical="center"/>
    </xf>
    <xf numFmtId="179" fontId="4" fillId="0" borderId="5" xfId="0" applyNumberFormat="1" applyFont="1" applyFill="1" applyBorder="1" applyAlignment="1">
      <alignment horizontal="distributed" vertical="center"/>
    </xf>
    <xf numFmtId="179" fontId="0" fillId="0" borderId="9" xfId="0" applyNumberFormat="1" applyFont="1" applyFill="1" applyBorder="1" applyAlignment="1">
      <alignment horizontal="distributed" vertical="center"/>
    </xf>
    <xf numFmtId="181" fontId="10" fillId="0" borderId="33" xfId="3" applyNumberFormat="1" applyFont="1" applyFill="1" applyBorder="1" applyAlignment="1">
      <alignment horizontal="justify" vertical="center" wrapText="1"/>
    </xf>
    <xf numFmtId="181" fontId="10" fillId="0" borderId="32" xfId="3" applyNumberFormat="1" applyFont="1" applyFill="1" applyBorder="1" applyAlignment="1">
      <alignment horizontal="center" vertical="center" wrapText="1"/>
    </xf>
    <xf numFmtId="179" fontId="10" fillId="0" borderId="31" xfId="3" applyNumberFormat="1" applyFont="1" applyFill="1" applyBorder="1" applyAlignment="1">
      <alignment horizontal="center" vertical="center" wrapText="1"/>
    </xf>
    <xf numFmtId="0" fontId="10" fillId="0" borderId="15" xfId="3" applyFont="1" applyFill="1" applyBorder="1" applyAlignment="1">
      <alignment horizontal="right" vertical="center" wrapText="1"/>
    </xf>
    <xf numFmtId="0" fontId="10" fillId="0" borderId="15" xfId="3" applyFont="1" applyFill="1" applyBorder="1" applyAlignment="1">
      <alignment horizontal="justify" vertical="center" wrapText="1"/>
    </xf>
    <xf numFmtId="181" fontId="10" fillId="0" borderId="34" xfId="3" applyNumberFormat="1" applyFont="1" applyFill="1" applyBorder="1" applyAlignment="1">
      <alignment horizontal="center" vertical="center" wrapText="1"/>
    </xf>
    <xf numFmtId="182" fontId="14" fillId="0" borderId="15" xfId="1" applyNumberFormat="1" applyFont="1" applyFill="1" applyBorder="1" applyAlignment="1">
      <alignment horizontal="right" vertical="center" wrapText="1"/>
    </xf>
    <xf numFmtId="182" fontId="14" fillId="0" borderId="15" xfId="1" applyNumberFormat="1" applyFont="1" applyFill="1" applyBorder="1" applyAlignment="1">
      <alignment vertical="center" wrapText="1"/>
    </xf>
    <xf numFmtId="182" fontId="14" fillId="0" borderId="15" xfId="1" applyNumberFormat="1" applyFont="1" applyFill="1" applyBorder="1" applyAlignment="1">
      <alignment vertical="center"/>
    </xf>
    <xf numFmtId="179" fontId="16" fillId="0" borderId="15" xfId="0" applyNumberFormat="1" applyFont="1" applyFill="1" applyBorder="1" applyAlignment="1">
      <alignment horizontal="center" vertical="center"/>
    </xf>
    <xf numFmtId="179" fontId="15" fillId="0" borderId="14" xfId="0" applyNumberFormat="1" applyFont="1" applyFill="1" applyBorder="1" applyAlignment="1" applyProtection="1">
      <alignment horizontal="right" vertical="center"/>
    </xf>
    <xf numFmtId="179" fontId="15" fillId="0" borderId="0" xfId="0" applyNumberFormat="1" applyFont="1" applyFill="1" applyBorder="1" applyAlignment="1" applyProtection="1">
      <alignment horizontal="right" vertical="center"/>
    </xf>
    <xf numFmtId="179" fontId="15" fillId="0" borderId="29" xfId="0" applyNumberFormat="1" applyFont="1" applyFill="1" applyBorder="1" applyAlignment="1" applyProtection="1">
      <alignment horizontal="right" vertical="center"/>
    </xf>
    <xf numFmtId="179" fontId="16" fillId="0" borderId="0" xfId="0" applyNumberFormat="1" applyFont="1" applyFill="1" applyBorder="1" applyAlignment="1" applyProtection="1">
      <alignment horizontal="right" vertical="center"/>
    </xf>
    <xf numFmtId="179" fontId="16" fillId="0" borderId="29" xfId="0" applyNumberFormat="1" applyFont="1" applyFill="1" applyBorder="1" applyAlignment="1" applyProtection="1">
      <alignment horizontal="right" vertical="center"/>
    </xf>
    <xf numFmtId="179" fontId="16" fillId="0" borderId="8" xfId="0" applyNumberFormat="1" applyFont="1" applyFill="1" applyBorder="1" applyAlignment="1" applyProtection="1">
      <alignment horizontal="right" vertical="center"/>
    </xf>
    <xf numFmtId="179" fontId="16" fillId="0" borderId="35" xfId="0" applyNumberFormat="1" applyFont="1" applyFill="1" applyBorder="1" applyAlignment="1" applyProtection="1">
      <alignment horizontal="right" vertical="center"/>
    </xf>
    <xf numFmtId="179" fontId="16" fillId="0" borderId="19" xfId="0" applyNumberFormat="1" applyFont="1" applyFill="1" applyBorder="1" applyAlignment="1" applyProtection="1">
      <alignment horizontal="right" vertical="center"/>
    </xf>
    <xf numFmtId="179" fontId="5" fillId="0" borderId="0" xfId="0" applyNumberFormat="1" applyFont="1" applyFill="1" applyAlignment="1">
      <alignment horizontal="right" vertical="center"/>
    </xf>
    <xf numFmtId="0" fontId="0" fillId="0" borderId="0" xfId="0" applyNumberFormat="1" applyFont="1" applyFill="1" applyBorder="1" applyAlignment="1">
      <alignment horizontal="right" vertical="center"/>
    </xf>
    <xf numFmtId="179" fontId="0" fillId="0" borderId="5" xfId="0" applyNumberFormat="1" applyFont="1" applyFill="1" applyBorder="1" applyAlignment="1">
      <alignment horizontal="distributed" vertical="center"/>
    </xf>
    <xf numFmtId="0" fontId="0" fillId="0" borderId="8" xfId="0" applyNumberFormat="1" applyFont="1" applyFill="1" applyBorder="1" applyAlignment="1">
      <alignment horizontal="right" vertical="center"/>
    </xf>
    <xf numFmtId="179" fontId="16" fillId="0" borderId="38" xfId="0" applyNumberFormat="1" applyFont="1" applyFill="1" applyBorder="1" applyAlignment="1">
      <alignment horizontal="center" vertical="center"/>
    </xf>
    <xf numFmtId="179" fontId="16" fillId="0" borderId="25" xfId="0" applyNumberFormat="1" applyFont="1" applyFill="1" applyBorder="1" applyAlignment="1">
      <alignment horizontal="center" vertical="center"/>
    </xf>
    <xf numFmtId="177" fontId="9" fillId="0" borderId="0" xfId="0" applyNumberFormat="1" applyFont="1" applyFill="1" applyAlignment="1"/>
    <xf numFmtId="0" fontId="12" fillId="0" borderId="0" xfId="2" applyFont="1" applyFill="1" applyAlignment="1"/>
    <xf numFmtId="0" fontId="2" fillId="0" borderId="0" xfId="2" applyFont="1" applyFill="1"/>
    <xf numFmtId="38" fontId="2" fillId="0" borderId="0" xfId="2" applyNumberFormat="1" applyFont="1" applyFill="1"/>
    <xf numFmtId="0" fontId="2" fillId="0" borderId="0" xfId="2" applyFill="1"/>
    <xf numFmtId="0" fontId="2" fillId="0" borderId="0" xfId="6" applyFont="1" applyAlignment="1">
      <alignment vertical="center"/>
    </xf>
    <xf numFmtId="0" fontId="5" fillId="0" borderId="0" xfId="6" applyFont="1" applyAlignment="1">
      <alignment vertical="center"/>
    </xf>
    <xf numFmtId="0" fontId="4" fillId="0" borderId="0" xfId="7" applyFont="1" applyFill="1"/>
    <xf numFmtId="0" fontId="6" fillId="0" borderId="0" xfId="7" applyFont="1"/>
    <xf numFmtId="184" fontId="18" fillId="0" borderId="2" xfId="8" applyNumberFormat="1" applyFont="1" applyFill="1" applyBorder="1" applyAlignment="1" applyProtection="1">
      <alignment horizontal="right" vertical="center"/>
    </xf>
    <xf numFmtId="184" fontId="18" fillId="0" borderId="14" xfId="8" applyNumberFormat="1" applyFont="1" applyFill="1" applyBorder="1" applyAlignment="1" applyProtection="1">
      <alignment horizontal="right" vertical="center"/>
    </xf>
    <xf numFmtId="0" fontId="4" fillId="0" borderId="0" xfId="6" applyFont="1" applyAlignment="1">
      <alignment vertical="center"/>
    </xf>
    <xf numFmtId="0" fontId="18" fillId="0" borderId="0" xfId="6" applyFont="1" applyBorder="1" applyAlignment="1">
      <alignment horizontal="center" vertical="center"/>
    </xf>
    <xf numFmtId="0" fontId="18" fillId="0" borderId="5" xfId="6" applyFont="1" applyBorder="1" applyAlignment="1">
      <alignment horizontal="center" vertical="center"/>
    </xf>
    <xf numFmtId="184" fontId="18" fillId="0" borderId="7" xfId="8" applyNumberFormat="1" applyFont="1" applyFill="1" applyBorder="1" applyAlignment="1" applyProtection="1">
      <alignment horizontal="right" vertical="center"/>
    </xf>
    <xf numFmtId="184" fontId="18" fillId="0" borderId="0" xfId="8" applyNumberFormat="1" applyFont="1" applyFill="1" applyBorder="1" applyAlignment="1" applyProtection="1">
      <alignment horizontal="right" vertical="center"/>
    </xf>
    <xf numFmtId="184" fontId="2" fillId="0" borderId="0" xfId="6" applyNumberFormat="1" applyFont="1" applyAlignment="1">
      <alignment vertical="center"/>
    </xf>
    <xf numFmtId="184" fontId="18" fillId="0" borderId="0" xfId="8" applyNumberFormat="1" applyFont="1" applyFill="1" applyBorder="1" applyAlignment="1" applyProtection="1">
      <alignment horizontal="right" vertical="center"/>
      <protection locked="0"/>
    </xf>
    <xf numFmtId="0" fontId="5" fillId="0" borderId="0" xfId="6" applyNumberFormat="1" applyFont="1" applyAlignment="1">
      <alignment vertical="center"/>
    </xf>
    <xf numFmtId="0" fontId="21" fillId="0" borderId="0" xfId="6" applyFont="1" applyAlignment="1">
      <alignment vertical="center"/>
    </xf>
    <xf numFmtId="183" fontId="21" fillId="0" borderId="0" xfId="6" applyNumberFormat="1" applyFont="1" applyAlignment="1">
      <alignment horizontal="right" vertical="center"/>
    </xf>
    <xf numFmtId="183" fontId="21" fillId="0" borderId="0" xfId="6" applyNumberFormat="1" applyFont="1" applyFill="1" applyAlignment="1">
      <alignment vertical="center"/>
    </xf>
    <xf numFmtId="183" fontId="2" fillId="0" borderId="0" xfId="6" applyNumberFormat="1" applyFont="1" applyFill="1" applyAlignment="1">
      <alignment vertical="center"/>
    </xf>
    <xf numFmtId="184" fontId="2" fillId="0" borderId="0" xfId="6" applyNumberFormat="1" applyFont="1" applyFill="1" applyAlignment="1">
      <alignment vertical="center"/>
    </xf>
    <xf numFmtId="0" fontId="2" fillId="0" borderId="0" xfId="6" applyFont="1" applyFill="1" applyAlignment="1">
      <alignment vertical="center"/>
    </xf>
    <xf numFmtId="183" fontId="2" fillId="0" borderId="0" xfId="6" applyNumberFormat="1" applyFont="1" applyAlignment="1">
      <alignment vertical="center"/>
    </xf>
    <xf numFmtId="179" fontId="6" fillId="0" borderId="1" xfId="6" applyNumberFormat="1" applyFont="1" applyFill="1" applyBorder="1" applyAlignment="1">
      <alignment horizontal="center" vertical="center"/>
    </xf>
    <xf numFmtId="0" fontId="2" fillId="0" borderId="0" xfId="7" applyFont="1" applyFill="1"/>
    <xf numFmtId="0" fontId="6" fillId="0" borderId="0" xfId="6" applyFont="1" applyBorder="1" applyAlignment="1">
      <alignment horizontal="center" vertical="center"/>
    </xf>
    <xf numFmtId="0" fontId="6" fillId="0" borderId="5" xfId="6" applyFont="1" applyBorder="1" applyAlignment="1">
      <alignment horizontal="left" vertical="center"/>
    </xf>
    <xf numFmtId="184" fontId="6" fillId="0" borderId="0" xfId="8" applyNumberFormat="1" applyFont="1" applyFill="1" applyBorder="1" applyAlignment="1" applyProtection="1">
      <alignment horizontal="right" vertical="center"/>
      <protection locked="0"/>
    </xf>
    <xf numFmtId="184" fontId="6" fillId="0" borderId="7" xfId="6" applyNumberFormat="1" applyFont="1" applyBorder="1" applyAlignment="1">
      <alignment horizontal="right" vertical="center"/>
    </xf>
    <xf numFmtId="0" fontId="6" fillId="0" borderId="5" xfId="6" applyFont="1" applyBorder="1" applyAlignment="1">
      <alignment horizontal="distributed" vertical="center"/>
    </xf>
    <xf numFmtId="184" fontId="6" fillId="0" borderId="7" xfId="8" applyNumberFormat="1" applyFont="1" applyFill="1" applyBorder="1" applyAlignment="1" applyProtection="1">
      <alignment horizontal="right" vertical="center"/>
    </xf>
    <xf numFmtId="184" fontId="6" fillId="0" borderId="0" xfId="8" applyNumberFormat="1" applyFont="1" applyFill="1" applyBorder="1" applyAlignment="1" applyProtection="1">
      <alignment horizontal="right" vertical="center"/>
    </xf>
    <xf numFmtId="0" fontId="6" fillId="0" borderId="19" xfId="6" applyFont="1" applyBorder="1" applyAlignment="1">
      <alignment horizontal="center" vertical="center"/>
    </xf>
    <xf numFmtId="0" fontId="6" fillId="0" borderId="9" xfId="6" applyFont="1" applyBorder="1" applyAlignment="1">
      <alignment horizontal="left" vertical="center"/>
    </xf>
    <xf numFmtId="184" fontId="6" fillId="0" borderId="19" xfId="8" applyNumberFormat="1" applyFont="1" applyFill="1" applyBorder="1" applyAlignment="1" applyProtection="1">
      <alignment horizontal="right" vertical="center"/>
      <protection locked="0"/>
    </xf>
    <xf numFmtId="0" fontId="7" fillId="0" borderId="0" xfId="0" applyNumberFormat="1" applyFont="1" applyFill="1" applyAlignment="1">
      <alignment vertical="center"/>
    </xf>
    <xf numFmtId="177" fontId="0" fillId="0" borderId="10" xfId="0" applyNumberFormat="1" applyFont="1" applyFill="1" applyBorder="1" applyAlignment="1">
      <alignment horizontal="center" vertical="center"/>
    </xf>
    <xf numFmtId="177" fontId="0" fillId="0" borderId="11" xfId="0" applyNumberFormat="1" applyFont="1" applyFill="1" applyBorder="1" applyAlignment="1">
      <alignment horizontal="center" vertical="center"/>
    </xf>
    <xf numFmtId="177" fontId="0" fillId="0" borderId="0" xfId="0" applyNumberFormat="1" applyFont="1" applyFill="1" applyBorder="1" applyAlignment="1">
      <alignment horizontal="center" vertical="center"/>
    </xf>
    <xf numFmtId="177" fontId="0" fillId="0" borderId="5" xfId="0" applyNumberFormat="1" applyFont="1" applyFill="1" applyBorder="1" applyAlignment="1">
      <alignment horizontal="center" vertical="center"/>
    </xf>
    <xf numFmtId="0" fontId="0" fillId="0" borderId="12" xfId="0" applyFont="1" applyFill="1" applyBorder="1" applyAlignment="1">
      <alignment vertical="center"/>
    </xf>
    <xf numFmtId="0" fontId="0" fillId="0" borderId="13" xfId="0" applyFont="1" applyFill="1" applyBorder="1" applyAlignment="1">
      <alignment vertical="center"/>
    </xf>
    <xf numFmtId="179" fontId="16" fillId="0" borderId="18" xfId="0" applyNumberFormat="1" applyFont="1" applyFill="1" applyBorder="1" applyAlignment="1">
      <alignment horizontal="center" vertical="center"/>
    </xf>
    <xf numFmtId="179" fontId="16" fillId="0" borderId="22" xfId="0" applyNumberFormat="1" applyFont="1" applyFill="1" applyBorder="1" applyAlignment="1">
      <alignment horizontal="center" vertical="center"/>
    </xf>
    <xf numFmtId="179" fontId="16" fillId="0" borderId="16" xfId="0" applyNumberFormat="1" applyFont="1" applyFill="1" applyBorder="1" applyAlignment="1">
      <alignment horizontal="center" vertical="center"/>
    </xf>
    <xf numFmtId="179" fontId="16" fillId="0" borderId="28" xfId="0" applyNumberFormat="1" applyFont="1" applyFill="1" applyBorder="1" applyAlignment="1">
      <alignment horizontal="center" vertical="center"/>
    </xf>
    <xf numFmtId="179" fontId="16" fillId="0" borderId="37" xfId="0" applyNumberFormat="1" applyFont="1" applyFill="1" applyBorder="1" applyAlignment="1">
      <alignment horizontal="center" vertical="center"/>
    </xf>
    <xf numFmtId="179" fontId="16" fillId="0" borderId="2" xfId="0" applyNumberFormat="1" applyFont="1" applyFill="1" applyBorder="1" applyAlignment="1">
      <alignment horizontal="center" vertical="center"/>
    </xf>
    <xf numFmtId="179" fontId="16" fillId="0" borderId="4" xfId="0" applyNumberFormat="1" applyFont="1" applyFill="1" applyBorder="1" applyAlignment="1">
      <alignment horizontal="center" vertical="center"/>
    </xf>
    <xf numFmtId="179" fontId="16" fillId="0" borderId="25" xfId="0" applyNumberFormat="1" applyFont="1" applyFill="1" applyBorder="1" applyAlignment="1">
      <alignment horizontal="center" vertical="center" shrinkToFit="1"/>
    </xf>
    <xf numFmtId="179" fontId="16" fillId="0" borderId="24" xfId="0" applyNumberFormat="1" applyFont="1" applyFill="1" applyBorder="1" applyAlignment="1">
      <alignment horizontal="center" vertical="center" shrinkToFit="1"/>
    </xf>
    <xf numFmtId="179" fontId="16" fillId="0" borderId="36" xfId="0" applyNumberFormat="1" applyFont="1" applyFill="1" applyBorder="1" applyAlignment="1">
      <alignment horizontal="center" vertical="center" shrinkToFit="1"/>
    </xf>
    <xf numFmtId="0" fontId="13" fillId="0" borderId="12" xfId="2" applyFont="1" applyFill="1" applyBorder="1" applyAlignment="1">
      <alignment horizontal="center" vertical="center" wrapText="1"/>
    </xf>
    <xf numFmtId="0" fontId="7" fillId="0" borderId="0" xfId="6" applyFont="1" applyAlignment="1">
      <alignment horizontal="left" vertical="center"/>
    </xf>
    <xf numFmtId="0" fontId="5" fillId="0" borderId="0" xfId="6" applyFont="1" applyAlignment="1">
      <alignment horizontal="left" vertical="center"/>
    </xf>
    <xf numFmtId="183" fontId="17" fillId="0" borderId="19" xfId="6" applyNumberFormat="1" applyFont="1" applyBorder="1" applyAlignment="1">
      <alignment horizontal="right" vertical="center"/>
    </xf>
    <xf numFmtId="0" fontId="6" fillId="0" borderId="18" xfId="6" applyFont="1" applyBorder="1" applyAlignment="1">
      <alignment horizontal="center" vertical="center"/>
    </xf>
    <xf numFmtId="0" fontId="6" fillId="0" borderId="22" xfId="6" applyFont="1" applyBorder="1" applyAlignment="1">
      <alignment horizontal="center" vertical="center"/>
    </xf>
    <xf numFmtId="0" fontId="6" fillId="0" borderId="44" xfId="6" applyFont="1" applyBorder="1" applyAlignment="1">
      <alignment horizontal="center" vertical="center"/>
    </xf>
    <xf numFmtId="0" fontId="6" fillId="0" borderId="15" xfId="6" applyFont="1" applyBorder="1" applyAlignment="1">
      <alignment horizontal="center" vertical="center"/>
    </xf>
    <xf numFmtId="0" fontId="6" fillId="0" borderId="22" xfId="6" applyFont="1" applyFill="1" applyBorder="1" applyAlignment="1">
      <alignment horizontal="center" vertical="center"/>
    </xf>
    <xf numFmtId="183" fontId="8" fillId="0" borderId="23" xfId="6" applyNumberFormat="1" applyFont="1" applyFill="1" applyBorder="1" applyAlignment="1">
      <alignment horizontal="center" vertical="center"/>
    </xf>
    <xf numFmtId="183" fontId="8" fillId="0" borderId="26" xfId="6" applyNumberFormat="1" applyFont="1" applyFill="1" applyBorder="1" applyAlignment="1">
      <alignment horizontal="center" vertical="center"/>
    </xf>
    <xf numFmtId="183" fontId="8" fillId="0" borderId="3" xfId="6" applyNumberFormat="1" applyFont="1" applyFill="1" applyBorder="1" applyAlignment="1">
      <alignment horizontal="center" vertical="center"/>
    </xf>
    <xf numFmtId="183" fontId="8" fillId="0" borderId="21" xfId="6" applyNumberFormat="1" applyFont="1" applyFill="1" applyBorder="1" applyAlignment="1">
      <alignment horizontal="center" vertical="center" wrapText="1"/>
    </xf>
    <xf numFmtId="183" fontId="8" fillId="0" borderId="7" xfId="6" applyNumberFormat="1" applyFont="1" applyFill="1" applyBorder="1" applyAlignment="1">
      <alignment horizontal="center" vertical="center"/>
    </xf>
    <xf numFmtId="183" fontId="8" fillId="0" borderId="4" xfId="6" applyNumberFormat="1" applyFont="1" applyFill="1" applyBorder="1" applyAlignment="1">
      <alignment horizontal="center" vertical="center"/>
    </xf>
    <xf numFmtId="0" fontId="8" fillId="0" borderId="1" xfId="6" applyFont="1" applyFill="1" applyBorder="1" applyAlignment="1">
      <alignment horizontal="center" vertical="center"/>
    </xf>
    <xf numFmtId="0" fontId="8" fillId="0" borderId="26" xfId="6" applyFont="1" applyFill="1" applyBorder="1" applyAlignment="1">
      <alignment horizontal="center" vertical="center"/>
    </xf>
    <xf numFmtId="0" fontId="8" fillId="0" borderId="3" xfId="6" applyFont="1" applyFill="1" applyBorder="1" applyAlignment="1">
      <alignment horizontal="center" vertical="center"/>
    </xf>
    <xf numFmtId="179" fontId="22" fillId="0" borderId="26" xfId="6" applyNumberFormat="1" applyFont="1" applyFill="1" applyBorder="1" applyAlignment="1">
      <alignment horizontal="center" vertical="center"/>
    </xf>
    <xf numFmtId="179" fontId="22" fillId="0" borderId="3" xfId="6" applyNumberFormat="1" applyFont="1" applyFill="1" applyBorder="1" applyAlignment="1">
      <alignment horizontal="center" vertical="center"/>
    </xf>
    <xf numFmtId="179" fontId="22" fillId="0" borderId="26" xfId="6" applyNumberFormat="1" applyFont="1" applyFill="1" applyBorder="1" applyAlignment="1">
      <alignment horizontal="center" vertical="center" wrapText="1"/>
    </xf>
    <xf numFmtId="0" fontId="18" fillId="0" borderId="0" xfId="6" applyFont="1" applyBorder="1" applyAlignment="1">
      <alignment horizontal="left" vertical="center"/>
    </xf>
    <xf numFmtId="0" fontId="18" fillId="0" borderId="5" xfId="6" applyFont="1" applyBorder="1" applyAlignment="1">
      <alignment horizontal="left" vertical="center"/>
    </xf>
    <xf numFmtId="0" fontId="18" fillId="0" borderId="14" xfId="6" applyFont="1" applyBorder="1" applyAlignment="1">
      <alignment horizontal="left" vertical="center"/>
    </xf>
    <xf numFmtId="0" fontId="18" fillId="0" borderId="6" xfId="6" applyFont="1" applyBorder="1" applyAlignment="1">
      <alignment horizontal="left" vertical="center"/>
    </xf>
    <xf numFmtId="0" fontId="23" fillId="0" borderId="0" xfId="0" applyNumberFormat="1" applyFont="1" applyFill="1" applyAlignment="1">
      <alignment vertical="center"/>
    </xf>
    <xf numFmtId="177" fontId="24" fillId="0" borderId="0" xfId="0" applyNumberFormat="1" applyFont="1" applyFill="1" applyAlignment="1">
      <alignment vertical="center"/>
    </xf>
    <xf numFmtId="0" fontId="24" fillId="0" borderId="0" xfId="0" applyNumberFormat="1" applyFont="1" applyFill="1" applyAlignment="1">
      <alignment vertical="center"/>
    </xf>
    <xf numFmtId="179" fontId="25" fillId="0" borderId="19" xfId="0" applyNumberFormat="1" applyFont="1" applyFill="1" applyBorder="1" applyAlignment="1">
      <alignment vertical="center"/>
    </xf>
    <xf numFmtId="179" fontId="25" fillId="0" borderId="0" xfId="0" applyNumberFormat="1" applyFont="1" applyFill="1" applyAlignment="1">
      <alignment vertical="center"/>
    </xf>
    <xf numFmtId="177" fontId="17" fillId="0" borderId="19" xfId="0" applyNumberFormat="1" applyFont="1" applyFill="1" applyBorder="1" applyAlignment="1">
      <alignment horizontal="right" vertical="center"/>
    </xf>
    <xf numFmtId="177" fontId="25" fillId="0" borderId="10" xfId="0" applyNumberFormat="1" applyFont="1" applyFill="1" applyBorder="1" applyAlignment="1">
      <alignment horizontal="center" vertical="center"/>
    </xf>
    <xf numFmtId="177" fontId="25" fillId="0" borderId="11" xfId="0" applyNumberFormat="1" applyFont="1" applyFill="1" applyBorder="1" applyAlignment="1">
      <alignment horizontal="center" vertical="center"/>
    </xf>
    <xf numFmtId="177" fontId="25" fillId="0" borderId="16" xfId="0" applyNumberFormat="1" applyFont="1" applyFill="1" applyBorder="1" applyAlignment="1">
      <alignment horizontal="center" vertical="center"/>
    </xf>
    <xf numFmtId="177" fontId="25" fillId="0" borderId="17" xfId="0" applyNumberFormat="1" applyFont="1" applyFill="1" applyBorder="1" applyAlignment="1">
      <alignment horizontal="center" vertical="center"/>
    </xf>
    <xf numFmtId="177" fontId="25" fillId="0" borderId="30" xfId="0" applyNumberFormat="1" applyFont="1" applyFill="1" applyBorder="1" applyAlignment="1">
      <alignment horizontal="center" vertical="center"/>
    </xf>
    <xf numFmtId="179" fontId="25" fillId="0" borderId="39" xfId="0" applyNumberFormat="1" applyFont="1" applyFill="1" applyBorder="1" applyAlignment="1">
      <alignment horizontal="center" vertical="center" wrapText="1"/>
    </xf>
    <xf numFmtId="179" fontId="25" fillId="0" borderId="17" xfId="0" applyNumberFormat="1" applyFont="1" applyFill="1" applyBorder="1" applyAlignment="1">
      <alignment horizontal="center" vertical="center" wrapText="1"/>
    </xf>
    <xf numFmtId="179" fontId="25" fillId="0" borderId="30" xfId="0" applyNumberFormat="1" applyFont="1" applyFill="1" applyBorder="1" applyAlignment="1">
      <alignment horizontal="center" vertical="center" wrapText="1"/>
    </xf>
    <xf numFmtId="38" fontId="25" fillId="0" borderId="39" xfId="1" applyFont="1" applyFill="1" applyBorder="1" applyAlignment="1">
      <alignment horizontal="center" vertical="center" wrapText="1"/>
    </xf>
    <xf numFmtId="38" fontId="25" fillId="0" borderId="17" xfId="1" applyFont="1" applyFill="1" applyBorder="1" applyAlignment="1">
      <alignment horizontal="center" vertical="center" wrapText="1"/>
    </xf>
    <xf numFmtId="177" fontId="25" fillId="0" borderId="0" xfId="0" applyNumberFormat="1" applyFont="1" applyFill="1" applyAlignment="1">
      <alignment vertical="center"/>
    </xf>
    <xf numFmtId="177" fontId="25" fillId="0" borderId="0" xfId="0" applyNumberFormat="1" applyFont="1" applyFill="1" applyBorder="1" applyAlignment="1">
      <alignment horizontal="center" vertical="center"/>
    </xf>
    <xf numFmtId="177" fontId="25" fillId="0" borderId="5" xfId="0" applyNumberFormat="1" applyFont="1" applyFill="1" applyBorder="1" applyAlignment="1">
      <alignment horizontal="center" vertical="center"/>
    </xf>
    <xf numFmtId="177" fontId="25" fillId="0" borderId="2" xfId="0" applyNumberFormat="1" applyFont="1" applyFill="1" applyBorder="1" applyAlignment="1">
      <alignment horizontal="center" vertical="center" wrapText="1"/>
    </xf>
    <xf numFmtId="177" fontId="25" fillId="0" borderId="24" xfId="0" applyNumberFormat="1" applyFont="1" applyFill="1" applyBorder="1" applyAlignment="1">
      <alignment horizontal="center" vertical="center"/>
    </xf>
    <xf numFmtId="177" fontId="25" fillId="0" borderId="36" xfId="0" applyNumberFormat="1" applyFont="1" applyFill="1" applyBorder="1" applyAlignment="1">
      <alignment horizontal="center" vertical="center"/>
    </xf>
    <xf numFmtId="177" fontId="25" fillId="0" borderId="40" xfId="0" applyNumberFormat="1" applyFont="1" applyFill="1" applyBorder="1" applyAlignment="1">
      <alignment horizontal="center" vertical="center" wrapText="1"/>
    </xf>
    <xf numFmtId="179" fontId="25" fillId="0" borderId="24" xfId="0" applyNumberFormat="1" applyFont="1" applyFill="1" applyBorder="1" applyAlignment="1">
      <alignment horizontal="center" vertical="center" wrapText="1"/>
    </xf>
    <xf numFmtId="179" fontId="25" fillId="0" borderId="36" xfId="0" applyNumberFormat="1" applyFont="1" applyFill="1" applyBorder="1" applyAlignment="1">
      <alignment horizontal="center" vertical="center" wrapText="1"/>
    </xf>
    <xf numFmtId="177" fontId="25" fillId="0" borderId="12" xfId="0" applyNumberFormat="1" applyFont="1" applyFill="1" applyBorder="1" applyAlignment="1">
      <alignment horizontal="center" vertical="center"/>
    </xf>
    <xf numFmtId="177" fontId="25" fillId="0" borderId="13" xfId="0" applyNumberFormat="1" applyFont="1" applyFill="1" applyBorder="1" applyAlignment="1">
      <alignment horizontal="center" vertical="center"/>
    </xf>
    <xf numFmtId="177" fontId="25" fillId="0" borderId="4" xfId="0" applyNumberFormat="1" applyFont="1" applyFill="1" applyBorder="1" applyAlignment="1">
      <alignment horizontal="center" vertical="center" wrapText="1"/>
    </xf>
    <xf numFmtId="177" fontId="25" fillId="0" borderId="15" xfId="0" applyNumberFormat="1" applyFont="1" applyFill="1" applyBorder="1" applyAlignment="1">
      <alignment horizontal="center" vertical="center" shrinkToFit="1"/>
    </xf>
    <xf numFmtId="177" fontId="25" fillId="0" borderId="38" xfId="0" applyNumberFormat="1" applyFont="1" applyFill="1" applyBorder="1" applyAlignment="1">
      <alignment horizontal="center" vertical="center" shrinkToFit="1"/>
    </xf>
    <xf numFmtId="177" fontId="25" fillId="0" borderId="41" xfId="0" applyNumberFormat="1" applyFont="1" applyFill="1" applyBorder="1" applyAlignment="1">
      <alignment horizontal="center" vertical="center" wrapText="1"/>
    </xf>
    <xf numFmtId="179" fontId="25" fillId="0" borderId="15" xfId="0" applyNumberFormat="1" applyFont="1" applyFill="1" applyBorder="1" applyAlignment="1">
      <alignment horizontal="center" vertical="center" wrapText="1"/>
    </xf>
    <xf numFmtId="179" fontId="25" fillId="0" borderId="38" xfId="0" applyNumberFormat="1" applyFont="1" applyFill="1" applyBorder="1" applyAlignment="1">
      <alignment horizontal="center" vertical="center" wrapText="1"/>
    </xf>
    <xf numFmtId="179" fontId="25" fillId="0" borderId="25" xfId="0" applyNumberFormat="1" applyFont="1" applyFill="1" applyBorder="1" applyAlignment="1">
      <alignment horizontal="center" vertical="center" wrapText="1"/>
    </xf>
    <xf numFmtId="179" fontId="24" fillId="0" borderId="5" xfId="0" applyNumberFormat="1" applyFont="1" applyFill="1" applyBorder="1" applyAlignment="1">
      <alignment horizontal="distributed" vertical="center"/>
    </xf>
    <xf numFmtId="182" fontId="24" fillId="0" borderId="7" xfId="0" applyNumberFormat="1" applyFont="1" applyFill="1" applyBorder="1" applyAlignment="1" applyProtection="1">
      <alignment horizontal="right" vertical="center"/>
    </xf>
    <xf numFmtId="182" fontId="24" fillId="0" borderId="0" xfId="0" applyNumberFormat="1" applyFont="1" applyFill="1" applyBorder="1" applyAlignment="1" applyProtection="1">
      <alignment horizontal="right" vertical="center"/>
    </xf>
    <xf numFmtId="182" fontId="24" fillId="0" borderId="29" xfId="0" applyNumberFormat="1" applyFont="1" applyFill="1" applyBorder="1" applyAlignment="1" applyProtection="1">
      <alignment horizontal="right" vertical="center"/>
    </xf>
    <xf numFmtId="182" fontId="24" fillId="0" borderId="42" xfId="0" applyNumberFormat="1" applyFont="1" applyFill="1" applyBorder="1" applyAlignment="1" applyProtection="1">
      <alignment horizontal="right" vertical="center"/>
    </xf>
    <xf numFmtId="0" fontId="25" fillId="0" borderId="0" xfId="0" applyNumberFormat="1" applyFont="1" applyFill="1" applyAlignment="1">
      <alignment horizontal="right" vertical="center"/>
    </xf>
    <xf numFmtId="179" fontId="25" fillId="0" borderId="5" xfId="0" applyNumberFormat="1" applyFont="1" applyFill="1" applyBorder="1" applyAlignment="1">
      <alignment horizontal="distributed" vertical="center"/>
    </xf>
    <xf numFmtId="182" fontId="25" fillId="0" borderId="7" xfId="0" applyNumberFormat="1" applyFont="1" applyFill="1" applyBorder="1" applyAlignment="1" applyProtection="1">
      <alignment horizontal="right" vertical="center"/>
    </xf>
    <xf numFmtId="182" fontId="25" fillId="0" borderId="0" xfId="0" applyNumberFormat="1" applyFont="1" applyFill="1" applyBorder="1" applyAlignment="1" applyProtection="1">
      <alignment horizontal="right" vertical="center"/>
    </xf>
    <xf numFmtId="182" fontId="25" fillId="0" borderId="29" xfId="0" applyNumberFormat="1" applyFont="1" applyFill="1" applyBorder="1" applyAlignment="1" applyProtection="1">
      <alignment horizontal="right" vertical="center"/>
    </xf>
    <xf numFmtId="182" fontId="25" fillId="0" borderId="42" xfId="0" applyNumberFormat="1" applyFont="1" applyFill="1" applyBorder="1" applyAlignment="1" applyProtection="1">
      <alignment horizontal="right" vertical="center"/>
    </xf>
    <xf numFmtId="182" fontId="26" fillId="0" borderId="42" xfId="0" applyNumberFormat="1" applyFont="1" applyFill="1" applyBorder="1" applyAlignment="1" applyProtection="1">
      <alignment horizontal="right" vertical="center"/>
    </xf>
    <xf numFmtId="182" fontId="26" fillId="0" borderId="0" xfId="0" applyNumberFormat="1" applyFont="1" applyFill="1" applyBorder="1" applyAlignment="1" applyProtection="1">
      <alignment horizontal="right" vertical="center"/>
    </xf>
    <xf numFmtId="179" fontId="27" fillId="0" borderId="5" xfId="0" applyNumberFormat="1" applyFont="1" applyFill="1" applyBorder="1" applyAlignment="1">
      <alignment horizontal="distributed" vertical="center"/>
    </xf>
    <xf numFmtId="0" fontId="24" fillId="0" borderId="0" xfId="0" applyFont="1" applyFill="1" applyAlignment="1">
      <alignment vertical="center"/>
    </xf>
    <xf numFmtId="0" fontId="25" fillId="0" borderId="19" xfId="0" applyNumberFormat="1" applyFont="1" applyFill="1" applyBorder="1" applyAlignment="1">
      <alignment horizontal="right" vertical="center"/>
    </xf>
    <xf numFmtId="179" fontId="25" fillId="0" borderId="9" xfId="0" applyNumberFormat="1" applyFont="1" applyFill="1" applyBorder="1" applyAlignment="1">
      <alignment horizontal="distributed" vertical="center"/>
    </xf>
    <xf numFmtId="182" fontId="25" fillId="0" borderId="20" xfId="0" applyNumberFormat="1" applyFont="1" applyFill="1" applyBorder="1" applyAlignment="1" applyProtection="1">
      <alignment horizontal="right" vertical="center"/>
    </xf>
    <xf numFmtId="182" fontId="25" fillId="0" borderId="19" xfId="0" applyNumberFormat="1" applyFont="1" applyFill="1" applyBorder="1" applyAlignment="1" applyProtection="1">
      <alignment horizontal="right" vertical="center"/>
    </xf>
    <xf numFmtId="182" fontId="25" fillId="0" borderId="35" xfId="0" applyNumberFormat="1" applyFont="1" applyFill="1" applyBorder="1" applyAlignment="1" applyProtection="1">
      <alignment horizontal="right" vertical="center"/>
    </xf>
    <xf numFmtId="182" fontId="25" fillId="0" borderId="43" xfId="0" applyNumberFormat="1" applyFont="1" applyFill="1" applyBorder="1" applyAlignment="1" applyProtection="1">
      <alignment horizontal="right" vertical="center"/>
    </xf>
    <xf numFmtId="177" fontId="17" fillId="0" borderId="0" xfId="0" applyNumberFormat="1" applyFont="1" applyFill="1" applyAlignment="1"/>
    <xf numFmtId="179" fontId="25" fillId="0" borderId="0" xfId="0" applyNumberFormat="1" applyFont="1" applyFill="1" applyBorder="1" applyAlignment="1">
      <alignment horizontal="distributed" vertical="center"/>
    </xf>
    <xf numFmtId="178" fontId="25" fillId="0" borderId="0" xfId="0" applyNumberFormat="1" applyFont="1" applyFill="1" applyBorder="1" applyAlignment="1" applyProtection="1">
      <alignment horizontal="right" vertical="center"/>
    </xf>
    <xf numFmtId="177" fontId="17" fillId="0" borderId="0" xfId="0" applyNumberFormat="1" applyFont="1" applyAlignment="1"/>
    <xf numFmtId="0" fontId="23" fillId="0" borderId="0" xfId="0" applyNumberFormat="1" applyFont="1" applyAlignment="1"/>
    <xf numFmtId="177" fontId="24" fillId="0" borderId="0" xfId="0" applyNumberFormat="1" applyFont="1"/>
    <xf numFmtId="177" fontId="25" fillId="0" borderId="0" xfId="0" applyNumberFormat="1" applyFont="1"/>
    <xf numFmtId="177" fontId="25" fillId="0" borderId="0" xfId="0" applyNumberFormat="1" applyFont="1" applyFill="1"/>
    <xf numFmtId="177" fontId="17" fillId="0" borderId="0" xfId="0" applyNumberFormat="1" applyFont="1" applyFill="1"/>
    <xf numFmtId="177" fontId="17" fillId="0" borderId="19" xfId="0" applyNumberFormat="1" applyFont="1" applyFill="1" applyBorder="1" applyAlignment="1">
      <alignment horizontal="right"/>
    </xf>
    <xf numFmtId="177" fontId="28" fillId="0" borderId="10" xfId="0" applyNumberFormat="1" applyFont="1" applyBorder="1" applyAlignment="1">
      <alignment horizontal="center" vertical="center"/>
    </xf>
    <xf numFmtId="177" fontId="28" fillId="0" borderId="11" xfId="0" applyNumberFormat="1" applyFont="1" applyBorder="1" applyAlignment="1">
      <alignment horizontal="center" vertical="center"/>
    </xf>
    <xf numFmtId="177" fontId="28" fillId="0" borderId="23" xfId="0" applyNumberFormat="1" applyFont="1" applyFill="1" applyBorder="1" applyAlignment="1">
      <alignment horizontal="center"/>
    </xf>
    <xf numFmtId="177" fontId="28" fillId="0" borderId="21" xfId="0" applyNumberFormat="1" applyFont="1" applyFill="1" applyBorder="1" applyAlignment="1">
      <alignment horizontal="center" wrapText="1"/>
    </xf>
    <xf numFmtId="177" fontId="28" fillId="0" borderId="17" xfId="0" applyNumberFormat="1" applyFont="1" applyFill="1" applyBorder="1" applyAlignment="1">
      <alignment horizontal="center"/>
    </xf>
    <xf numFmtId="177" fontId="28" fillId="0" borderId="18" xfId="0" applyNumberFormat="1" applyFont="1" applyFill="1" applyBorder="1" applyAlignment="1">
      <alignment horizontal="center"/>
    </xf>
    <xf numFmtId="177" fontId="28" fillId="0" borderId="22" xfId="0" applyNumberFormat="1" applyFont="1" applyFill="1" applyBorder="1" applyAlignment="1">
      <alignment horizontal="center" vertical="center"/>
    </xf>
    <xf numFmtId="177" fontId="28" fillId="0" borderId="16" xfId="0" applyNumberFormat="1" applyFont="1" applyFill="1" applyBorder="1" applyAlignment="1">
      <alignment horizontal="center" vertical="center" wrapText="1"/>
    </xf>
    <xf numFmtId="177" fontId="28" fillId="0" borderId="12" xfId="0" applyNumberFormat="1" applyFont="1" applyBorder="1" applyAlignment="1">
      <alignment horizontal="center" vertical="center"/>
    </xf>
    <xf numFmtId="177" fontId="28" fillId="0" borderId="13" xfId="0" applyNumberFormat="1" applyFont="1" applyBorder="1" applyAlignment="1">
      <alignment horizontal="center" vertical="center"/>
    </xf>
    <xf numFmtId="177" fontId="28" fillId="0" borderId="3" xfId="0" applyNumberFormat="1" applyFont="1" applyFill="1" applyBorder="1" applyAlignment="1">
      <alignment horizontal="center"/>
    </xf>
    <xf numFmtId="177" fontId="28" fillId="0" borderId="15" xfId="0" applyNumberFormat="1" applyFont="1" applyFill="1" applyBorder="1" applyAlignment="1">
      <alignment horizontal="center" shrinkToFit="1"/>
    </xf>
    <xf numFmtId="177" fontId="28" fillId="0" borderId="15" xfId="0" applyNumberFormat="1" applyFont="1" applyFill="1" applyBorder="1" applyAlignment="1">
      <alignment horizontal="center" vertical="center"/>
    </xf>
    <xf numFmtId="177" fontId="28" fillId="0" borderId="25" xfId="0" applyNumberFormat="1" applyFont="1" applyFill="1" applyBorder="1" applyAlignment="1">
      <alignment horizontal="center" vertical="center"/>
    </xf>
    <xf numFmtId="177" fontId="28" fillId="0" borderId="0" xfId="0" applyNumberFormat="1" applyFont="1"/>
    <xf numFmtId="179" fontId="29" fillId="0" borderId="5" xfId="0" applyNumberFormat="1" applyFont="1" applyFill="1" applyBorder="1" applyAlignment="1">
      <alignment horizontal="distributed"/>
    </xf>
    <xf numFmtId="182" fontId="29" fillId="0" borderId="0" xfId="1" applyNumberFormat="1" applyFont="1" applyFill="1" applyBorder="1" applyAlignment="1">
      <alignment horizontal="right"/>
    </xf>
    <xf numFmtId="0" fontId="28" fillId="0" borderId="0" xfId="0" applyNumberFormat="1" applyFont="1" applyAlignment="1">
      <alignment horizontal="right"/>
    </xf>
    <xf numFmtId="179" fontId="28" fillId="0" borderId="5" xfId="0" applyNumberFormat="1" applyFont="1" applyFill="1" applyBorder="1" applyAlignment="1">
      <alignment horizontal="distributed"/>
    </xf>
    <xf numFmtId="182" fontId="28" fillId="0" borderId="0" xfId="1" applyNumberFormat="1" applyFont="1" applyFill="1" applyBorder="1" applyAlignment="1">
      <alignment horizontal="right"/>
    </xf>
    <xf numFmtId="177" fontId="30" fillId="0" borderId="0" xfId="0" applyNumberFormat="1" applyFont="1"/>
    <xf numFmtId="182" fontId="28" fillId="0" borderId="0" xfId="1" applyNumberFormat="1" applyFont="1" applyFill="1" applyBorder="1" applyAlignment="1" applyProtection="1">
      <alignment horizontal="right" vertical="center"/>
    </xf>
    <xf numFmtId="179" fontId="31" fillId="0" borderId="5" xfId="0" applyNumberFormat="1" applyFont="1" applyFill="1" applyBorder="1" applyAlignment="1">
      <alignment horizontal="distributed"/>
    </xf>
    <xf numFmtId="0" fontId="32" fillId="0" borderId="0" xfId="0" applyFont="1"/>
    <xf numFmtId="182" fontId="28" fillId="0" borderId="0" xfId="1" applyNumberFormat="1" applyFont="1" applyFill="1" applyAlignment="1">
      <alignment horizontal="right"/>
    </xf>
    <xf numFmtId="0" fontId="28" fillId="0" borderId="19" xfId="0" applyNumberFormat="1" applyFont="1" applyBorder="1" applyAlignment="1">
      <alignment horizontal="right"/>
    </xf>
    <xf numFmtId="179" fontId="28" fillId="0" borderId="9" xfId="0" applyNumberFormat="1" applyFont="1" applyFill="1" applyBorder="1" applyAlignment="1">
      <alignment horizontal="distributed"/>
    </xf>
    <xf numFmtId="182" fontId="28" fillId="0" borderId="19" xfId="1" applyNumberFormat="1" applyFont="1" applyFill="1" applyBorder="1" applyAlignment="1">
      <alignment horizontal="right"/>
    </xf>
    <xf numFmtId="179" fontId="17" fillId="0" borderId="0" xfId="0" applyNumberFormat="1" applyFont="1" applyFill="1" applyBorder="1" applyAlignment="1">
      <alignment horizontal="distributed"/>
    </xf>
    <xf numFmtId="176" fontId="17" fillId="0" borderId="0" xfId="1" applyNumberFormat="1" applyFont="1" applyFill="1" applyBorder="1" applyAlignment="1">
      <alignment horizontal="right"/>
    </xf>
    <xf numFmtId="177" fontId="17" fillId="0" borderId="0" xfId="0" applyNumberFormat="1" applyFont="1"/>
    <xf numFmtId="179" fontId="23" fillId="0" borderId="0" xfId="0" applyNumberFormat="1" applyFont="1" applyFill="1" applyAlignment="1"/>
    <xf numFmtId="179" fontId="24" fillId="0" borderId="0" xfId="0" applyNumberFormat="1" applyFont="1" applyFill="1"/>
    <xf numFmtId="179" fontId="28" fillId="0" borderId="0" xfId="0" applyNumberFormat="1" applyFont="1" applyFill="1"/>
    <xf numFmtId="179" fontId="28" fillId="0" borderId="19" xfId="0" applyNumberFormat="1" applyFont="1" applyFill="1" applyBorder="1" applyAlignment="1"/>
    <xf numFmtId="179" fontId="17" fillId="0" borderId="19" xfId="0" applyNumberFormat="1" applyFont="1" applyFill="1" applyBorder="1" applyAlignment="1">
      <alignment horizontal="right"/>
    </xf>
    <xf numFmtId="179" fontId="28" fillId="0" borderId="10" xfId="0" applyNumberFormat="1" applyFont="1" applyFill="1" applyBorder="1" applyAlignment="1">
      <alignment horizontal="center" vertical="center"/>
    </xf>
    <xf numFmtId="179" fontId="28" fillId="0" borderId="11" xfId="0" applyNumberFormat="1" applyFont="1" applyFill="1" applyBorder="1" applyAlignment="1">
      <alignment horizontal="center" vertical="center"/>
    </xf>
    <xf numFmtId="179" fontId="28" fillId="0" borderId="21" xfId="0" applyNumberFormat="1" applyFont="1" applyFill="1" applyBorder="1" applyAlignment="1">
      <alignment horizontal="center" vertical="center"/>
    </xf>
    <xf numFmtId="179" fontId="28" fillId="0" borderId="23" xfId="0" applyNumberFormat="1" applyFont="1" applyFill="1" applyBorder="1" applyAlignment="1">
      <alignment horizontal="center" vertical="center"/>
    </xf>
    <xf numFmtId="177" fontId="28" fillId="0" borderId="21" xfId="0" applyNumberFormat="1" applyFont="1" applyFill="1" applyBorder="1" applyAlignment="1">
      <alignment horizontal="center" vertical="center" wrapText="1"/>
    </xf>
    <xf numFmtId="177" fontId="28" fillId="0" borderId="17" xfId="0" applyNumberFormat="1" applyFont="1" applyFill="1" applyBorder="1" applyAlignment="1">
      <alignment vertical="center" wrapText="1"/>
    </xf>
    <xf numFmtId="179" fontId="28" fillId="0" borderId="12" xfId="0" applyNumberFormat="1" applyFont="1" applyFill="1" applyBorder="1" applyAlignment="1">
      <alignment horizontal="center" vertical="center"/>
    </xf>
    <xf numFmtId="179" fontId="28" fillId="0" borderId="13" xfId="0" applyNumberFormat="1" applyFont="1" applyFill="1" applyBorder="1" applyAlignment="1">
      <alignment horizontal="center" vertical="center"/>
    </xf>
    <xf numFmtId="179" fontId="28" fillId="0" borderId="4" xfId="0" applyNumberFormat="1" applyFont="1" applyFill="1" applyBorder="1" applyAlignment="1">
      <alignment horizontal="center" vertical="center"/>
    </xf>
    <xf numFmtId="179" fontId="28" fillId="0" borderId="3" xfId="0" applyNumberFormat="1" applyFont="1" applyFill="1" applyBorder="1" applyAlignment="1">
      <alignment horizontal="center" vertical="center"/>
    </xf>
    <xf numFmtId="177" fontId="28" fillId="0" borderId="4" xfId="0" applyNumberFormat="1" applyFont="1" applyFill="1" applyBorder="1" applyAlignment="1">
      <alignment horizontal="center" vertical="center" wrapText="1"/>
    </xf>
    <xf numFmtId="177" fontId="28" fillId="0" borderId="15" xfId="0" applyNumberFormat="1" applyFont="1" applyFill="1" applyBorder="1" applyAlignment="1">
      <alignment horizontal="center" vertical="center"/>
    </xf>
    <xf numFmtId="177" fontId="28" fillId="0" borderId="25" xfId="0" applyNumberFormat="1" applyFont="1" applyFill="1" applyBorder="1" applyAlignment="1">
      <alignment horizontal="center" vertical="center"/>
    </xf>
    <xf numFmtId="179" fontId="29" fillId="0" borderId="0" xfId="0" applyNumberFormat="1" applyFont="1" applyFill="1"/>
    <xf numFmtId="179" fontId="28" fillId="0" borderId="19" xfId="0" applyNumberFormat="1" applyFont="1" applyFill="1" applyBorder="1"/>
    <xf numFmtId="182" fontId="28" fillId="0" borderId="20" xfId="1" applyNumberFormat="1" applyFont="1" applyFill="1" applyBorder="1" applyAlignment="1" applyProtection="1">
      <alignment horizontal="right" vertical="center"/>
    </xf>
    <xf numFmtId="182" fontId="28" fillId="0" borderId="19" xfId="1" applyNumberFormat="1" applyFont="1" applyFill="1" applyBorder="1" applyAlignment="1" applyProtection="1">
      <alignment horizontal="right" vertical="center"/>
    </xf>
    <xf numFmtId="176" fontId="28" fillId="0" borderId="0" xfId="1" applyNumberFormat="1" applyFont="1" applyFill="1" applyBorder="1" applyAlignment="1" applyProtection="1">
      <alignment horizontal="right" vertical="center"/>
    </xf>
    <xf numFmtId="179" fontId="30" fillId="0" borderId="0" xfId="0" applyNumberFormat="1" applyFont="1" applyFill="1"/>
    <xf numFmtId="179" fontId="17" fillId="0" borderId="0" xfId="0" applyNumberFormat="1" applyFont="1" applyFill="1"/>
    <xf numFmtId="179" fontId="25" fillId="0" borderId="0" xfId="0" applyNumberFormat="1" applyFont="1" applyFill="1"/>
    <xf numFmtId="179" fontId="23" fillId="0" borderId="0" xfId="0" applyNumberFormat="1" applyFont="1" applyAlignment="1">
      <alignment vertical="center"/>
    </xf>
    <xf numFmtId="179" fontId="23" fillId="0" borderId="0" xfId="0" applyNumberFormat="1" applyFont="1" applyAlignment="1">
      <alignment vertical="center"/>
    </xf>
    <xf numFmtId="179" fontId="26" fillId="0" borderId="0" xfId="0" applyNumberFormat="1" applyFont="1" applyBorder="1" applyAlignment="1">
      <alignment vertical="center"/>
    </xf>
    <xf numFmtId="179" fontId="25" fillId="0" borderId="0" xfId="0" applyNumberFormat="1" applyFont="1" applyAlignment="1">
      <alignment vertical="center"/>
    </xf>
    <xf numFmtId="179" fontId="26" fillId="0" borderId="0" xfId="0" applyNumberFormat="1" applyFont="1" applyFill="1" applyBorder="1" applyAlignment="1">
      <alignment vertical="center"/>
    </xf>
    <xf numFmtId="179" fontId="26" fillId="0" borderId="0" xfId="0" applyNumberFormat="1" applyFont="1" applyFill="1" applyAlignment="1">
      <alignment vertical="center"/>
    </xf>
    <xf numFmtId="179" fontId="26" fillId="0" borderId="0" xfId="0" applyNumberFormat="1" applyFont="1" applyFill="1" applyBorder="1" applyAlignment="1">
      <alignment horizontal="right" vertical="center"/>
    </xf>
    <xf numFmtId="179" fontId="26" fillId="0" borderId="0" xfId="0" applyNumberFormat="1" applyFont="1" applyFill="1" applyBorder="1" applyAlignment="1">
      <alignment horizontal="center" vertical="center"/>
    </xf>
    <xf numFmtId="38" fontId="26" fillId="0" borderId="0" xfId="1" applyFont="1" applyFill="1" applyBorder="1" applyAlignment="1">
      <alignment vertical="center"/>
    </xf>
    <xf numFmtId="179" fontId="17" fillId="0" borderId="0" xfId="0" applyNumberFormat="1" applyFont="1" applyFill="1" applyBorder="1" applyAlignment="1">
      <alignment horizontal="right" vertical="center"/>
    </xf>
    <xf numFmtId="179" fontId="25" fillId="0" borderId="10" xfId="0" applyNumberFormat="1" applyFont="1" applyBorder="1" applyAlignment="1">
      <alignment horizontal="center" vertical="center"/>
    </xf>
    <xf numFmtId="179" fontId="25" fillId="0" borderId="11" xfId="0" applyNumberFormat="1" applyFont="1" applyBorder="1" applyAlignment="1">
      <alignment horizontal="center" vertical="center"/>
    </xf>
    <xf numFmtId="0" fontId="28" fillId="0" borderId="17" xfId="0" applyFont="1" applyFill="1" applyBorder="1" applyAlignment="1">
      <alignment horizontal="center"/>
    </xf>
    <xf numFmtId="179" fontId="28" fillId="0" borderId="21" xfId="0" applyNumberFormat="1" applyFont="1" applyFill="1" applyBorder="1" applyAlignment="1">
      <alignment horizontal="center" vertical="center" wrapText="1"/>
    </xf>
    <xf numFmtId="179" fontId="28" fillId="0" borderId="17" xfId="0" applyNumberFormat="1" applyFont="1" applyFill="1" applyBorder="1" applyAlignment="1">
      <alignment horizontal="center" vertical="center" wrapText="1"/>
    </xf>
    <xf numFmtId="179" fontId="28" fillId="0" borderId="18" xfId="0" applyNumberFormat="1" applyFont="1" applyFill="1" applyBorder="1" applyAlignment="1">
      <alignment horizontal="center" vertical="center" wrapText="1"/>
    </xf>
    <xf numFmtId="179" fontId="28" fillId="0" borderId="17" xfId="0" applyNumberFormat="1" applyFont="1" applyFill="1" applyBorder="1" applyAlignment="1">
      <alignment vertical="center"/>
    </xf>
    <xf numFmtId="179" fontId="28" fillId="0" borderId="10" xfId="0" applyNumberFormat="1" applyFont="1" applyFill="1" applyBorder="1" applyAlignment="1">
      <alignment vertical="center"/>
    </xf>
    <xf numFmtId="179" fontId="28" fillId="0" borderId="16" xfId="0" applyNumberFormat="1" applyFont="1" applyFill="1" applyBorder="1" applyAlignment="1">
      <alignment horizontal="center" vertical="center"/>
    </xf>
    <xf numFmtId="179" fontId="28" fillId="0" borderId="17" xfId="0" applyNumberFormat="1" applyFont="1" applyFill="1" applyBorder="1" applyAlignment="1">
      <alignment horizontal="center" vertical="center"/>
    </xf>
    <xf numFmtId="179" fontId="28" fillId="0" borderId="18" xfId="0" applyNumberFormat="1" applyFont="1" applyFill="1" applyBorder="1" applyAlignment="1">
      <alignment horizontal="center" vertical="center"/>
    </xf>
    <xf numFmtId="179" fontId="25" fillId="0" borderId="12" xfId="0" applyNumberFormat="1" applyFont="1" applyBorder="1" applyAlignment="1">
      <alignment horizontal="center" vertical="center"/>
    </xf>
    <xf numFmtId="179" fontId="25" fillId="0" borderId="13" xfId="0" applyNumberFormat="1" applyFont="1" applyBorder="1" applyAlignment="1">
      <alignment horizontal="center" vertical="center"/>
    </xf>
    <xf numFmtId="179" fontId="28" fillId="0" borderId="3" xfId="0" applyNumberFormat="1" applyFont="1" applyFill="1" applyBorder="1" applyAlignment="1">
      <alignment horizontal="center" vertical="center"/>
    </xf>
    <xf numFmtId="179" fontId="28" fillId="0" borderId="13" xfId="0" applyNumberFormat="1" applyFont="1" applyFill="1" applyBorder="1" applyAlignment="1">
      <alignment horizontal="center" vertical="center" wrapText="1"/>
    </xf>
    <xf numFmtId="179" fontId="28" fillId="0" borderId="15" xfId="0" applyNumberFormat="1" applyFont="1" applyFill="1" applyBorder="1" applyAlignment="1">
      <alignment horizontal="center" vertical="center" wrapText="1"/>
    </xf>
    <xf numFmtId="179" fontId="28" fillId="0" borderId="15" xfId="0" applyNumberFormat="1" applyFont="1" applyFill="1" applyBorder="1" applyAlignment="1">
      <alignment horizontal="center" vertical="center"/>
    </xf>
    <xf numFmtId="179" fontId="28" fillId="0" borderId="15" xfId="0" applyNumberFormat="1" applyFont="1" applyFill="1" applyBorder="1" applyAlignment="1">
      <alignment horizontal="center" vertical="center" shrinkToFit="1"/>
    </xf>
    <xf numFmtId="38" fontId="28" fillId="0" borderId="25" xfId="1" applyFont="1" applyFill="1" applyBorder="1" applyAlignment="1">
      <alignment horizontal="center" vertical="center"/>
    </xf>
    <xf numFmtId="179" fontId="28" fillId="0" borderId="4" xfId="0" applyNumberFormat="1" applyFont="1" applyFill="1" applyBorder="1" applyAlignment="1">
      <alignment horizontal="center" vertical="center" wrapText="1"/>
    </xf>
    <xf numFmtId="179" fontId="29" fillId="0" borderId="0" xfId="0" applyNumberFormat="1" applyFont="1" applyBorder="1" applyAlignment="1">
      <alignment vertical="center"/>
    </xf>
    <xf numFmtId="179" fontId="29" fillId="0" borderId="5" xfId="0" applyNumberFormat="1" applyFont="1" applyBorder="1" applyAlignment="1">
      <alignment horizontal="distributed" vertical="center"/>
    </xf>
    <xf numFmtId="182" fontId="29" fillId="0" borderId="1" xfId="0" applyNumberFormat="1" applyFont="1" applyFill="1" applyBorder="1" applyAlignment="1" applyProtection="1">
      <alignment horizontal="right" vertical="center"/>
    </xf>
    <xf numFmtId="182" fontId="29" fillId="0" borderId="2" xfId="0" applyNumberFormat="1" applyFont="1" applyFill="1" applyBorder="1" applyAlignment="1" applyProtection="1">
      <alignment horizontal="right" vertical="center"/>
    </xf>
    <xf numFmtId="182" fontId="29" fillId="0" borderId="14" xfId="0" applyNumberFormat="1" applyFont="1" applyFill="1" applyBorder="1" applyAlignment="1" applyProtection="1">
      <alignment horizontal="right" vertical="center"/>
    </xf>
    <xf numFmtId="182" fontId="29" fillId="0" borderId="6" xfId="0" applyNumberFormat="1" applyFont="1" applyFill="1" applyBorder="1" applyAlignment="1" applyProtection="1">
      <alignment horizontal="right" vertical="center"/>
    </xf>
    <xf numFmtId="182" fontId="29" fillId="0" borderId="6" xfId="1" applyNumberFormat="1" applyFont="1" applyFill="1" applyBorder="1" applyAlignment="1" applyProtection="1">
      <alignment horizontal="right" vertical="center"/>
    </xf>
    <xf numFmtId="179" fontId="28" fillId="0" borderId="0" xfId="0" applyNumberFormat="1" applyFont="1" applyAlignment="1">
      <alignment vertical="center"/>
    </xf>
    <xf numFmtId="179" fontId="28" fillId="0" borderId="5" xfId="0" applyNumberFormat="1" applyFont="1" applyBorder="1" applyAlignment="1">
      <alignment horizontal="distributed" vertical="center"/>
    </xf>
    <xf numFmtId="182" fontId="28" fillId="0" borderId="26" xfId="0" applyNumberFormat="1" applyFont="1" applyFill="1" applyBorder="1" applyAlignment="1">
      <alignment horizontal="right"/>
    </xf>
    <xf numFmtId="182" fontId="28" fillId="0" borderId="7" xfId="0" applyNumberFormat="1" applyFont="1" applyFill="1" applyBorder="1" applyAlignment="1">
      <alignment horizontal="right"/>
    </xf>
    <xf numFmtId="182" fontId="28" fillId="0" borderId="0" xfId="0" applyNumberFormat="1" applyFont="1" applyFill="1" applyBorder="1" applyAlignment="1">
      <alignment horizontal="right"/>
    </xf>
    <xf numFmtId="182" fontId="28" fillId="0" borderId="5" xfId="0" applyNumberFormat="1" applyFont="1" applyFill="1" applyBorder="1" applyAlignment="1">
      <alignment horizontal="right"/>
    </xf>
    <xf numFmtId="182" fontId="28" fillId="0" borderId="5" xfId="1" applyNumberFormat="1" applyFont="1" applyFill="1" applyBorder="1" applyAlignment="1" applyProtection="1">
      <alignment horizontal="right" vertical="center"/>
    </xf>
    <xf numFmtId="179" fontId="24" fillId="0" borderId="0" xfId="0" applyNumberFormat="1" applyFont="1" applyAlignment="1">
      <alignment vertical="center"/>
    </xf>
    <xf numFmtId="182" fontId="28" fillId="0" borderId="26" xfId="0" applyNumberFormat="1" applyFont="1" applyFill="1" applyBorder="1" applyAlignment="1">
      <alignment horizontal="right" vertical="center"/>
    </xf>
    <xf numFmtId="182" fontId="28" fillId="0" borderId="7" xfId="0" applyNumberFormat="1" applyFont="1" applyFill="1" applyBorder="1" applyAlignment="1">
      <alignment horizontal="right" vertical="center"/>
    </xf>
    <xf numFmtId="182" fontId="28" fillId="0" borderId="0" xfId="0" applyNumberFormat="1" applyFont="1" applyFill="1" applyBorder="1" applyAlignment="1">
      <alignment horizontal="right" vertical="center"/>
    </xf>
    <xf numFmtId="182" fontId="28" fillId="0" borderId="5" xfId="0" applyNumberFormat="1" applyFont="1" applyFill="1" applyBorder="1" applyAlignment="1">
      <alignment horizontal="right" vertical="center"/>
    </xf>
    <xf numFmtId="182" fontId="28" fillId="0" borderId="0" xfId="0" applyNumberFormat="1" applyFont="1" applyFill="1" applyAlignment="1" applyProtection="1">
      <alignment horizontal="right" vertical="center"/>
    </xf>
    <xf numFmtId="182" fontId="28" fillId="0" borderId="5" xfId="0" applyNumberFormat="1" applyFont="1" applyFill="1" applyBorder="1" applyAlignment="1" applyProtection="1">
      <alignment horizontal="right" vertical="center"/>
    </xf>
    <xf numFmtId="182" fontId="28" fillId="0" borderId="5" xfId="1" applyNumberFormat="1" applyFont="1" applyFill="1" applyBorder="1" applyAlignment="1">
      <alignment horizontal="right" vertical="center"/>
    </xf>
    <xf numFmtId="182" fontId="28" fillId="0" borderId="5" xfId="1" applyNumberFormat="1" applyFont="1" applyFill="1" applyBorder="1" applyAlignment="1">
      <alignment horizontal="right"/>
    </xf>
    <xf numFmtId="182" fontId="28" fillId="0" borderId="7" xfId="0" applyNumberFormat="1" applyFont="1" applyFill="1" applyBorder="1" applyAlignment="1" applyProtection="1">
      <alignment horizontal="right" vertical="center"/>
    </xf>
    <xf numFmtId="182" fontId="28" fillId="0" borderId="0" xfId="0" applyNumberFormat="1" applyFont="1" applyFill="1" applyBorder="1" applyAlignment="1" applyProtection="1">
      <alignment horizontal="right" vertical="center"/>
    </xf>
    <xf numFmtId="182" fontId="28" fillId="0" borderId="0" xfId="1" applyNumberFormat="1" applyFont="1" applyFill="1" applyBorder="1" applyAlignment="1">
      <alignment horizontal="right" vertical="center"/>
    </xf>
    <xf numFmtId="182" fontId="28" fillId="0" borderId="26" xfId="0" applyNumberFormat="1" applyFont="1" applyFill="1" applyBorder="1" applyAlignment="1" applyProtection="1">
      <alignment horizontal="right" vertical="center"/>
    </xf>
    <xf numFmtId="179" fontId="31" fillId="0" borderId="5" xfId="0" applyNumberFormat="1" applyFont="1" applyBorder="1" applyAlignment="1">
      <alignment horizontal="distributed" vertical="center"/>
    </xf>
    <xf numFmtId="182" fontId="28" fillId="0" borderId="7" xfId="1" applyNumberFormat="1" applyFont="1" applyFill="1" applyBorder="1" applyAlignment="1" applyProtection="1">
      <alignment horizontal="right" vertical="center"/>
    </xf>
    <xf numFmtId="179" fontId="28" fillId="0" borderId="19" xfId="0" applyNumberFormat="1" applyFont="1" applyBorder="1" applyAlignment="1">
      <alignment vertical="center"/>
    </xf>
    <xf numFmtId="179" fontId="28" fillId="0" borderId="9" xfId="0" applyNumberFormat="1" applyFont="1" applyBorder="1" applyAlignment="1">
      <alignment horizontal="distributed" vertical="center"/>
    </xf>
    <xf numFmtId="182" fontId="28" fillId="0" borderId="27" xfId="0" applyNumberFormat="1" applyFont="1" applyFill="1" applyBorder="1" applyAlignment="1">
      <alignment horizontal="right" vertical="center"/>
    </xf>
    <xf numFmtId="182" fontId="28" fillId="0" borderId="20" xfId="0" applyNumberFormat="1" applyFont="1" applyFill="1" applyBorder="1" applyAlignment="1">
      <alignment horizontal="right" vertical="center"/>
    </xf>
    <xf numFmtId="182" fontId="28" fillId="0" borderId="19" xfId="0" applyNumberFormat="1" applyFont="1" applyFill="1" applyBorder="1" applyAlignment="1">
      <alignment horizontal="right" vertical="center"/>
    </xf>
    <xf numFmtId="182" fontId="28" fillId="0" borderId="9" xfId="0" applyNumberFormat="1" applyFont="1" applyFill="1" applyBorder="1" applyAlignment="1">
      <alignment horizontal="right" vertical="center"/>
    </xf>
    <xf numFmtId="182" fontId="28" fillId="0" borderId="20" xfId="0" applyNumberFormat="1" applyFont="1" applyFill="1" applyBorder="1" applyAlignment="1">
      <alignment horizontal="right"/>
    </xf>
    <xf numFmtId="182" fontId="28" fillId="0" borderId="19" xfId="0" applyNumberFormat="1" applyFont="1" applyFill="1" applyBorder="1" applyAlignment="1">
      <alignment horizontal="right"/>
    </xf>
    <xf numFmtId="182" fontId="28" fillId="0" borderId="9" xfId="0" applyNumberFormat="1" applyFont="1" applyFill="1" applyBorder="1" applyAlignment="1">
      <alignment horizontal="right"/>
    </xf>
    <xf numFmtId="179" fontId="26" fillId="0" borderId="0" xfId="0" applyNumberFormat="1" applyFont="1" applyBorder="1" applyAlignment="1">
      <alignment horizontal="distributed" vertical="center"/>
    </xf>
    <xf numFmtId="180" fontId="17" fillId="0" borderId="0" xfId="0" applyNumberFormat="1" applyFont="1" applyFill="1" applyBorder="1" applyAlignment="1">
      <alignment horizontal="right" vertical="center"/>
    </xf>
    <xf numFmtId="180" fontId="17" fillId="0" borderId="0" xfId="0" applyNumberFormat="1" applyFont="1" applyFill="1" applyBorder="1" applyAlignment="1">
      <alignment horizontal="right"/>
    </xf>
    <xf numFmtId="180" fontId="17" fillId="0" borderId="0" xfId="1" applyNumberFormat="1" applyFont="1" applyFill="1" applyBorder="1" applyAlignment="1">
      <alignment horizontal="right" vertical="center"/>
    </xf>
    <xf numFmtId="38" fontId="26" fillId="0" borderId="0" xfId="1" applyFont="1" applyFill="1" applyAlignment="1">
      <alignment vertical="center"/>
    </xf>
    <xf numFmtId="179" fontId="26" fillId="0" borderId="0" xfId="0" applyNumberFormat="1" applyFont="1" applyAlignment="1">
      <alignment vertical="center"/>
    </xf>
    <xf numFmtId="38" fontId="25" fillId="0" borderId="0" xfId="1" applyFont="1" applyFill="1" applyAlignment="1">
      <alignment vertical="center"/>
    </xf>
  </cellXfs>
  <cellStyles count="9">
    <cellStyle name="桁区切り" xfId="1" builtinId="6"/>
    <cellStyle name="桁区切り 2" xfId="4"/>
    <cellStyle name="桁区切り 2 2" xfId="5"/>
    <cellStyle name="標準" xfId="0" builtinId="0"/>
    <cellStyle name="標準 2" xfId="6"/>
    <cellStyle name="標準 5" xfId="7"/>
    <cellStyle name="標準_21地出荷" xfId="8"/>
    <cellStyle name="標準_7_1" xfId="2"/>
    <cellStyle name="標準_Sheet1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MV\&#21830;&#24037;\&#24037;&#26989;&#32113;&#35336;&#35519;&#26619;\&#65320;12&#36895;&#22577;\03&#26412;&#25991;\b&#24467;&#26989;&#32773;\&#27083;&#25104;&#27604;&#20107;&#26989;&#25152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基礎"/>
      <sheetName val="原稿作成用"/>
      <sheetName val="Module2"/>
      <sheetName val="構成比事業所"/>
    </sheetNames>
    <definedNames>
      <definedName name="リセット"/>
      <definedName name="構成比8年"/>
    </definedNames>
    <sheetDataSet>
      <sheetData sheetId="0"/>
      <sheetData sheetId="1"/>
      <sheetData sheetId="2" refreshError="1"/>
      <sheetData sheetId="3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33"/>
  <sheetViews>
    <sheetView tabSelected="1" view="pageBreakPreview" zoomScaleNormal="85" zoomScaleSheetLayoutView="100" workbookViewId="0">
      <selection activeCell="B36" sqref="B36"/>
    </sheetView>
  </sheetViews>
  <sheetFormatPr defaultColWidth="9" defaultRowHeight="12.75" x14ac:dyDescent="0.25"/>
  <cols>
    <col min="1" max="1" width="3.19921875" style="17" customWidth="1"/>
    <col min="2" max="2" width="30.6640625" style="17" customWidth="1"/>
    <col min="3" max="14" width="8.1328125" style="18" customWidth="1"/>
    <col min="15" max="16384" width="9" style="17"/>
  </cols>
  <sheetData>
    <row r="1" spans="1:15" s="9" customFormat="1" ht="20.25" customHeight="1" x14ac:dyDescent="0.25">
      <c r="A1" s="87" t="s">
        <v>506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</row>
    <row r="2" spans="1:15" ht="13.15" thickBot="1" x14ac:dyDescent="0.3">
      <c r="A2" s="8"/>
      <c r="D2" s="1"/>
      <c r="E2" s="1"/>
      <c r="F2" s="1"/>
      <c r="H2" s="1"/>
      <c r="I2" s="1"/>
      <c r="J2" s="1"/>
      <c r="L2" s="1"/>
      <c r="M2" s="1"/>
      <c r="N2" s="43" t="s">
        <v>64</v>
      </c>
    </row>
    <row r="3" spans="1:15" x14ac:dyDescent="0.25">
      <c r="A3" s="88" t="s">
        <v>30</v>
      </c>
      <c r="B3" s="89"/>
      <c r="C3" s="94" t="s">
        <v>63</v>
      </c>
      <c r="D3" s="95"/>
      <c r="E3" s="95"/>
      <c r="F3" s="96"/>
      <c r="G3" s="97" t="s">
        <v>62</v>
      </c>
      <c r="H3" s="95"/>
      <c r="I3" s="95"/>
      <c r="J3" s="98"/>
      <c r="K3" s="94" t="s">
        <v>60</v>
      </c>
      <c r="L3" s="95"/>
      <c r="M3" s="95"/>
      <c r="N3" s="96"/>
    </row>
    <row r="4" spans="1:15" ht="13.5" customHeight="1" x14ac:dyDescent="0.25">
      <c r="A4" s="90"/>
      <c r="B4" s="91"/>
      <c r="C4" s="99" t="s">
        <v>252</v>
      </c>
      <c r="D4" s="101" t="s">
        <v>253</v>
      </c>
      <c r="E4" s="102"/>
      <c r="F4" s="103"/>
      <c r="G4" s="99" t="s">
        <v>252</v>
      </c>
      <c r="H4" s="101" t="s">
        <v>253</v>
      </c>
      <c r="I4" s="102"/>
      <c r="J4" s="103"/>
      <c r="K4" s="99" t="s">
        <v>252</v>
      </c>
      <c r="L4" s="101" t="s">
        <v>253</v>
      </c>
      <c r="M4" s="102"/>
      <c r="N4" s="102"/>
      <c r="O4" s="19"/>
    </row>
    <row r="5" spans="1:15" x14ac:dyDescent="0.25">
      <c r="A5" s="92"/>
      <c r="B5" s="93"/>
      <c r="C5" s="100"/>
      <c r="D5" s="34" t="s">
        <v>33</v>
      </c>
      <c r="E5" s="34" t="s">
        <v>32</v>
      </c>
      <c r="F5" s="47" t="s">
        <v>28</v>
      </c>
      <c r="G5" s="100"/>
      <c r="H5" s="34" t="s">
        <v>33</v>
      </c>
      <c r="I5" s="34" t="s">
        <v>32</v>
      </c>
      <c r="J5" s="47" t="s">
        <v>28</v>
      </c>
      <c r="K5" s="100"/>
      <c r="L5" s="34" t="s">
        <v>33</v>
      </c>
      <c r="M5" s="34" t="s">
        <v>32</v>
      </c>
      <c r="N5" s="48" t="s">
        <v>28</v>
      </c>
      <c r="O5" s="19"/>
    </row>
    <row r="6" spans="1:15" x14ac:dyDescent="0.25">
      <c r="A6" s="19"/>
      <c r="B6" s="23" t="s">
        <v>24</v>
      </c>
      <c r="C6" s="35">
        <v>780</v>
      </c>
      <c r="D6" s="36">
        <v>28510</v>
      </c>
      <c r="E6" s="36">
        <v>13314</v>
      </c>
      <c r="F6" s="37">
        <v>41824</v>
      </c>
      <c r="G6" s="36">
        <v>516</v>
      </c>
      <c r="H6" s="36">
        <v>4052</v>
      </c>
      <c r="I6" s="36">
        <v>2356</v>
      </c>
      <c r="J6" s="37">
        <v>6408</v>
      </c>
      <c r="K6" s="36">
        <v>264</v>
      </c>
      <c r="L6" s="36">
        <v>24458</v>
      </c>
      <c r="M6" s="36">
        <v>10958</v>
      </c>
      <c r="N6" s="36">
        <v>35416</v>
      </c>
      <c r="O6" s="19"/>
    </row>
    <row r="7" spans="1:15" x14ac:dyDescent="0.25">
      <c r="A7" s="44">
        <v>9</v>
      </c>
      <c r="B7" s="45" t="s">
        <v>23</v>
      </c>
      <c r="C7" s="38">
        <v>88</v>
      </c>
      <c r="D7" s="38">
        <v>1212</v>
      </c>
      <c r="E7" s="38">
        <v>1881</v>
      </c>
      <c r="F7" s="39">
        <v>3093</v>
      </c>
      <c r="G7" s="38">
        <v>63</v>
      </c>
      <c r="H7" s="38">
        <v>361</v>
      </c>
      <c r="I7" s="38">
        <v>460</v>
      </c>
      <c r="J7" s="39">
        <v>821</v>
      </c>
      <c r="K7" s="38">
        <v>25</v>
      </c>
      <c r="L7" s="38">
        <v>851</v>
      </c>
      <c r="M7" s="38">
        <v>1421</v>
      </c>
      <c r="N7" s="38">
        <v>2272</v>
      </c>
      <c r="O7" s="19"/>
    </row>
    <row r="8" spans="1:15" x14ac:dyDescent="0.25">
      <c r="A8" s="44">
        <v>10</v>
      </c>
      <c r="B8" s="45" t="s">
        <v>22</v>
      </c>
      <c r="C8" s="38">
        <v>12</v>
      </c>
      <c r="D8" s="38">
        <v>231</v>
      </c>
      <c r="E8" s="38">
        <v>151</v>
      </c>
      <c r="F8" s="39">
        <v>382</v>
      </c>
      <c r="G8" s="38">
        <v>10</v>
      </c>
      <c r="H8" s="38">
        <v>67</v>
      </c>
      <c r="I8" s="38">
        <v>53</v>
      </c>
      <c r="J8" s="39">
        <v>120</v>
      </c>
      <c r="K8" s="38">
        <v>2</v>
      </c>
      <c r="L8" s="38">
        <v>164</v>
      </c>
      <c r="M8" s="38">
        <v>98</v>
      </c>
      <c r="N8" s="38">
        <v>262</v>
      </c>
      <c r="O8" s="19"/>
    </row>
    <row r="9" spans="1:15" x14ac:dyDescent="0.25">
      <c r="A9" s="44">
        <v>11</v>
      </c>
      <c r="B9" s="45" t="s">
        <v>21</v>
      </c>
      <c r="C9" s="38">
        <v>16</v>
      </c>
      <c r="D9" s="38">
        <v>114</v>
      </c>
      <c r="E9" s="38">
        <v>248</v>
      </c>
      <c r="F9" s="39">
        <v>362</v>
      </c>
      <c r="G9" s="38">
        <v>12</v>
      </c>
      <c r="H9" s="38">
        <v>31</v>
      </c>
      <c r="I9" s="38">
        <v>106</v>
      </c>
      <c r="J9" s="39">
        <v>137</v>
      </c>
      <c r="K9" s="38">
        <v>4</v>
      </c>
      <c r="L9" s="38">
        <v>83</v>
      </c>
      <c r="M9" s="38">
        <v>142</v>
      </c>
      <c r="N9" s="38">
        <v>225</v>
      </c>
      <c r="O9" s="19"/>
    </row>
    <row r="10" spans="1:15" x14ac:dyDescent="0.25">
      <c r="A10" s="44">
        <v>12</v>
      </c>
      <c r="B10" s="45" t="s">
        <v>20</v>
      </c>
      <c r="C10" s="38">
        <v>16</v>
      </c>
      <c r="D10" s="38">
        <v>187</v>
      </c>
      <c r="E10" s="38">
        <v>62</v>
      </c>
      <c r="F10" s="39">
        <v>249</v>
      </c>
      <c r="G10" s="38">
        <v>13</v>
      </c>
      <c r="H10" s="38">
        <v>112</v>
      </c>
      <c r="I10" s="38">
        <v>40</v>
      </c>
      <c r="J10" s="39">
        <v>152</v>
      </c>
      <c r="K10" s="38">
        <v>3</v>
      </c>
      <c r="L10" s="38">
        <v>75</v>
      </c>
      <c r="M10" s="38">
        <v>22</v>
      </c>
      <c r="N10" s="38">
        <v>97</v>
      </c>
      <c r="O10" s="19"/>
    </row>
    <row r="11" spans="1:15" x14ac:dyDescent="0.25">
      <c r="A11" s="44">
        <v>13</v>
      </c>
      <c r="B11" s="45" t="s">
        <v>19</v>
      </c>
      <c r="C11" s="38">
        <v>14</v>
      </c>
      <c r="D11" s="38">
        <v>139</v>
      </c>
      <c r="E11" s="38">
        <v>52</v>
      </c>
      <c r="F11" s="39">
        <v>191</v>
      </c>
      <c r="G11" s="38">
        <v>12</v>
      </c>
      <c r="H11" s="38">
        <v>80</v>
      </c>
      <c r="I11" s="38">
        <v>38</v>
      </c>
      <c r="J11" s="39">
        <v>118</v>
      </c>
      <c r="K11" s="38">
        <v>2</v>
      </c>
      <c r="L11" s="38">
        <v>59</v>
      </c>
      <c r="M11" s="38">
        <v>14</v>
      </c>
      <c r="N11" s="38">
        <v>73</v>
      </c>
      <c r="O11" s="19"/>
    </row>
    <row r="12" spans="1:15" x14ac:dyDescent="0.25">
      <c r="A12" s="44">
        <v>14</v>
      </c>
      <c r="B12" s="45" t="s">
        <v>18</v>
      </c>
      <c r="C12" s="38">
        <v>18</v>
      </c>
      <c r="D12" s="38">
        <v>1059</v>
      </c>
      <c r="E12" s="38">
        <v>629</v>
      </c>
      <c r="F12" s="39">
        <v>1688</v>
      </c>
      <c r="G12" s="38">
        <v>6</v>
      </c>
      <c r="H12" s="38">
        <v>42</v>
      </c>
      <c r="I12" s="38">
        <v>56</v>
      </c>
      <c r="J12" s="39">
        <v>98</v>
      </c>
      <c r="K12" s="38">
        <v>12</v>
      </c>
      <c r="L12" s="38">
        <v>1017</v>
      </c>
      <c r="M12" s="38">
        <v>573</v>
      </c>
      <c r="N12" s="38">
        <v>1590</v>
      </c>
      <c r="O12" s="19"/>
    </row>
    <row r="13" spans="1:15" x14ac:dyDescent="0.25">
      <c r="A13" s="44">
        <v>15</v>
      </c>
      <c r="B13" s="45" t="s">
        <v>59</v>
      </c>
      <c r="C13" s="38">
        <v>45</v>
      </c>
      <c r="D13" s="38">
        <v>867</v>
      </c>
      <c r="E13" s="38">
        <v>595</v>
      </c>
      <c r="F13" s="39">
        <v>1462</v>
      </c>
      <c r="G13" s="38">
        <v>33</v>
      </c>
      <c r="H13" s="38">
        <v>216</v>
      </c>
      <c r="I13" s="38">
        <v>174</v>
      </c>
      <c r="J13" s="39">
        <v>390</v>
      </c>
      <c r="K13" s="38">
        <v>12</v>
      </c>
      <c r="L13" s="38">
        <v>651</v>
      </c>
      <c r="M13" s="38">
        <v>421</v>
      </c>
      <c r="N13" s="38">
        <v>1072</v>
      </c>
      <c r="O13" s="19"/>
    </row>
    <row r="14" spans="1:15" x14ac:dyDescent="0.25">
      <c r="A14" s="44">
        <v>16</v>
      </c>
      <c r="B14" s="45" t="s">
        <v>17</v>
      </c>
      <c r="C14" s="38">
        <v>56</v>
      </c>
      <c r="D14" s="38">
        <v>5856</v>
      </c>
      <c r="E14" s="38">
        <v>3481</v>
      </c>
      <c r="F14" s="39">
        <v>9337</v>
      </c>
      <c r="G14" s="38">
        <v>15</v>
      </c>
      <c r="H14" s="38">
        <v>123</v>
      </c>
      <c r="I14" s="38">
        <v>93</v>
      </c>
      <c r="J14" s="39">
        <v>216</v>
      </c>
      <c r="K14" s="38">
        <v>41</v>
      </c>
      <c r="L14" s="38">
        <v>5733</v>
      </c>
      <c r="M14" s="38">
        <v>3388</v>
      </c>
      <c r="N14" s="38">
        <v>9121</v>
      </c>
      <c r="O14" s="19"/>
    </row>
    <row r="15" spans="1:15" x14ac:dyDescent="0.25">
      <c r="A15" s="44">
        <v>17</v>
      </c>
      <c r="B15" s="45" t="s">
        <v>16</v>
      </c>
      <c r="C15" s="38">
        <v>4</v>
      </c>
      <c r="D15" s="38">
        <v>25</v>
      </c>
      <c r="E15" s="38">
        <v>6</v>
      </c>
      <c r="F15" s="39">
        <v>31</v>
      </c>
      <c r="G15" s="38">
        <v>4</v>
      </c>
      <c r="H15" s="38">
        <v>25</v>
      </c>
      <c r="I15" s="38">
        <v>6</v>
      </c>
      <c r="J15" s="39">
        <v>31</v>
      </c>
      <c r="K15" s="38">
        <v>0</v>
      </c>
      <c r="L15" s="38">
        <v>0</v>
      </c>
      <c r="M15" s="38">
        <v>0</v>
      </c>
      <c r="N15" s="38">
        <v>0</v>
      </c>
      <c r="O15" s="19"/>
    </row>
    <row r="16" spans="1:15" x14ac:dyDescent="0.25">
      <c r="A16" s="44">
        <v>18</v>
      </c>
      <c r="B16" s="45" t="s">
        <v>15</v>
      </c>
      <c r="C16" s="38">
        <v>54</v>
      </c>
      <c r="D16" s="38">
        <v>1282</v>
      </c>
      <c r="E16" s="38">
        <v>1027</v>
      </c>
      <c r="F16" s="39">
        <v>2309</v>
      </c>
      <c r="G16" s="38">
        <v>36</v>
      </c>
      <c r="H16" s="38">
        <v>183</v>
      </c>
      <c r="I16" s="38">
        <v>272</v>
      </c>
      <c r="J16" s="39">
        <v>455</v>
      </c>
      <c r="K16" s="38">
        <v>18</v>
      </c>
      <c r="L16" s="38">
        <v>1099</v>
      </c>
      <c r="M16" s="38">
        <v>755</v>
      </c>
      <c r="N16" s="38">
        <v>1854</v>
      </c>
      <c r="O16" s="19"/>
    </row>
    <row r="17" spans="1:16" x14ac:dyDescent="0.25">
      <c r="A17" s="44">
        <v>19</v>
      </c>
      <c r="B17" s="45" t="s">
        <v>14</v>
      </c>
      <c r="C17" s="38">
        <v>2</v>
      </c>
      <c r="D17" s="38">
        <v>21</v>
      </c>
      <c r="E17" s="38">
        <v>8</v>
      </c>
      <c r="F17" s="39">
        <v>29</v>
      </c>
      <c r="G17" s="38">
        <v>2</v>
      </c>
      <c r="H17" s="38">
        <v>21</v>
      </c>
      <c r="I17" s="38">
        <v>8</v>
      </c>
      <c r="J17" s="39">
        <v>29</v>
      </c>
      <c r="K17" s="38">
        <v>0</v>
      </c>
      <c r="L17" s="38">
        <v>0</v>
      </c>
      <c r="M17" s="38">
        <v>0</v>
      </c>
      <c r="N17" s="38">
        <v>0</v>
      </c>
      <c r="O17" s="19"/>
    </row>
    <row r="18" spans="1:16" x14ac:dyDescent="0.25">
      <c r="A18" s="44">
        <v>20</v>
      </c>
      <c r="B18" s="45" t="s">
        <v>61</v>
      </c>
      <c r="C18" s="38">
        <v>2</v>
      </c>
      <c r="D18" s="38">
        <v>28</v>
      </c>
      <c r="E18" s="38">
        <v>111</v>
      </c>
      <c r="F18" s="39">
        <v>139</v>
      </c>
      <c r="G18" s="38">
        <v>0</v>
      </c>
      <c r="H18" s="38">
        <v>0</v>
      </c>
      <c r="I18" s="38">
        <v>0</v>
      </c>
      <c r="J18" s="39">
        <v>0</v>
      </c>
      <c r="K18" s="38">
        <v>2</v>
      </c>
      <c r="L18" s="38">
        <v>28</v>
      </c>
      <c r="M18" s="38">
        <v>111</v>
      </c>
      <c r="N18" s="38">
        <v>139</v>
      </c>
      <c r="O18" s="19"/>
    </row>
    <row r="19" spans="1:16" x14ac:dyDescent="0.25">
      <c r="A19" s="44">
        <v>21</v>
      </c>
      <c r="B19" s="45" t="s">
        <v>12</v>
      </c>
      <c r="C19" s="38">
        <v>41</v>
      </c>
      <c r="D19" s="38">
        <v>912</v>
      </c>
      <c r="E19" s="38">
        <v>236</v>
      </c>
      <c r="F19" s="39">
        <v>1148</v>
      </c>
      <c r="G19" s="38">
        <v>31</v>
      </c>
      <c r="H19" s="38">
        <v>308</v>
      </c>
      <c r="I19" s="38">
        <v>89</v>
      </c>
      <c r="J19" s="39">
        <v>397</v>
      </c>
      <c r="K19" s="38">
        <v>10</v>
      </c>
      <c r="L19" s="38">
        <v>604</v>
      </c>
      <c r="M19" s="38">
        <v>147</v>
      </c>
      <c r="N19" s="38">
        <v>751</v>
      </c>
      <c r="O19" s="19"/>
    </row>
    <row r="20" spans="1:16" x14ac:dyDescent="0.25">
      <c r="A20" s="44">
        <v>22</v>
      </c>
      <c r="B20" s="45" t="s">
        <v>11</v>
      </c>
      <c r="C20" s="38">
        <v>18</v>
      </c>
      <c r="D20" s="38">
        <v>648</v>
      </c>
      <c r="E20" s="38">
        <v>94</v>
      </c>
      <c r="F20" s="39">
        <v>742</v>
      </c>
      <c r="G20" s="38">
        <v>14</v>
      </c>
      <c r="H20" s="38">
        <v>141</v>
      </c>
      <c r="I20" s="38">
        <v>43</v>
      </c>
      <c r="J20" s="39">
        <v>184</v>
      </c>
      <c r="K20" s="38">
        <v>4</v>
      </c>
      <c r="L20" s="38">
        <v>507</v>
      </c>
      <c r="M20" s="38">
        <v>51</v>
      </c>
      <c r="N20" s="38">
        <v>558</v>
      </c>
      <c r="O20" s="19"/>
    </row>
    <row r="21" spans="1:16" x14ac:dyDescent="0.25">
      <c r="A21" s="44">
        <v>23</v>
      </c>
      <c r="B21" s="45" t="s">
        <v>10</v>
      </c>
      <c r="C21" s="38">
        <v>7</v>
      </c>
      <c r="D21" s="38">
        <v>481</v>
      </c>
      <c r="E21" s="38">
        <v>59</v>
      </c>
      <c r="F21" s="39">
        <v>540</v>
      </c>
      <c r="G21" s="38">
        <v>3</v>
      </c>
      <c r="H21" s="38">
        <v>44</v>
      </c>
      <c r="I21" s="38">
        <v>16</v>
      </c>
      <c r="J21" s="39">
        <v>60</v>
      </c>
      <c r="K21" s="38">
        <v>4</v>
      </c>
      <c r="L21" s="38">
        <v>437</v>
      </c>
      <c r="M21" s="38">
        <v>43</v>
      </c>
      <c r="N21" s="38">
        <v>480</v>
      </c>
      <c r="O21" s="19"/>
    </row>
    <row r="22" spans="1:16" x14ac:dyDescent="0.25">
      <c r="A22" s="44">
        <v>24</v>
      </c>
      <c r="B22" s="45" t="s">
        <v>9</v>
      </c>
      <c r="C22" s="38">
        <v>106</v>
      </c>
      <c r="D22" s="38">
        <v>2088</v>
      </c>
      <c r="E22" s="38">
        <v>637</v>
      </c>
      <c r="F22" s="39">
        <v>2725</v>
      </c>
      <c r="G22" s="38">
        <v>82</v>
      </c>
      <c r="H22" s="38">
        <v>696</v>
      </c>
      <c r="I22" s="38">
        <v>247</v>
      </c>
      <c r="J22" s="39">
        <v>943</v>
      </c>
      <c r="K22" s="38">
        <v>24</v>
      </c>
      <c r="L22" s="38">
        <v>1392</v>
      </c>
      <c r="M22" s="38">
        <v>390</v>
      </c>
      <c r="N22" s="38">
        <v>1782</v>
      </c>
      <c r="O22" s="19"/>
    </row>
    <row r="23" spans="1:16" x14ac:dyDescent="0.25">
      <c r="A23" s="44">
        <v>25</v>
      </c>
      <c r="B23" s="45" t="s">
        <v>58</v>
      </c>
      <c r="C23" s="38">
        <v>43</v>
      </c>
      <c r="D23" s="38">
        <v>1379</v>
      </c>
      <c r="E23" s="38">
        <v>359</v>
      </c>
      <c r="F23" s="39">
        <v>1738</v>
      </c>
      <c r="G23" s="38">
        <v>28</v>
      </c>
      <c r="H23" s="38">
        <v>273</v>
      </c>
      <c r="I23" s="38">
        <v>79</v>
      </c>
      <c r="J23" s="39">
        <v>352</v>
      </c>
      <c r="K23" s="38">
        <v>15</v>
      </c>
      <c r="L23" s="38">
        <v>1106</v>
      </c>
      <c r="M23" s="38">
        <v>280</v>
      </c>
      <c r="N23" s="38">
        <v>1386</v>
      </c>
      <c r="O23" s="19"/>
    </row>
    <row r="24" spans="1:16" x14ac:dyDescent="0.25">
      <c r="A24" s="44">
        <v>26</v>
      </c>
      <c r="B24" s="45" t="s">
        <v>57</v>
      </c>
      <c r="C24" s="38">
        <v>116</v>
      </c>
      <c r="D24" s="38">
        <v>5861</v>
      </c>
      <c r="E24" s="38">
        <v>1429</v>
      </c>
      <c r="F24" s="39">
        <v>7290</v>
      </c>
      <c r="G24" s="38">
        <v>78</v>
      </c>
      <c r="H24" s="38">
        <v>753</v>
      </c>
      <c r="I24" s="38">
        <v>241</v>
      </c>
      <c r="J24" s="39">
        <v>994</v>
      </c>
      <c r="K24" s="38">
        <v>38</v>
      </c>
      <c r="L24" s="38">
        <v>5108</v>
      </c>
      <c r="M24" s="38">
        <v>1188</v>
      </c>
      <c r="N24" s="38">
        <v>6296</v>
      </c>
      <c r="O24" s="19"/>
    </row>
    <row r="25" spans="1:16" s="6" customFormat="1" x14ac:dyDescent="0.25">
      <c r="A25" s="44">
        <v>27</v>
      </c>
      <c r="B25" s="45" t="s">
        <v>56</v>
      </c>
      <c r="C25" s="38">
        <v>9</v>
      </c>
      <c r="D25" s="38">
        <v>99</v>
      </c>
      <c r="E25" s="38">
        <v>39</v>
      </c>
      <c r="F25" s="39">
        <v>138</v>
      </c>
      <c r="G25" s="38">
        <v>8</v>
      </c>
      <c r="H25" s="38">
        <v>74</v>
      </c>
      <c r="I25" s="38">
        <v>24</v>
      </c>
      <c r="J25" s="39">
        <v>98</v>
      </c>
      <c r="K25" s="38">
        <v>1</v>
      </c>
      <c r="L25" s="38">
        <v>25</v>
      </c>
      <c r="M25" s="38">
        <v>15</v>
      </c>
      <c r="N25" s="38">
        <v>40</v>
      </c>
      <c r="O25" s="7"/>
      <c r="P25" s="17"/>
    </row>
    <row r="26" spans="1:16" x14ac:dyDescent="0.25">
      <c r="A26" s="44">
        <v>28</v>
      </c>
      <c r="B26" s="5" t="s">
        <v>55</v>
      </c>
      <c r="C26" s="38">
        <v>35</v>
      </c>
      <c r="D26" s="38">
        <v>3582</v>
      </c>
      <c r="E26" s="38">
        <v>1471</v>
      </c>
      <c r="F26" s="39">
        <v>5053</v>
      </c>
      <c r="G26" s="38">
        <v>12</v>
      </c>
      <c r="H26" s="38">
        <v>87</v>
      </c>
      <c r="I26" s="38">
        <v>79</v>
      </c>
      <c r="J26" s="39">
        <v>166</v>
      </c>
      <c r="K26" s="38">
        <v>23</v>
      </c>
      <c r="L26" s="38">
        <v>3495</v>
      </c>
      <c r="M26" s="38">
        <v>1392</v>
      </c>
      <c r="N26" s="38">
        <v>4887</v>
      </c>
      <c r="O26" s="19"/>
    </row>
    <row r="27" spans="1:16" x14ac:dyDescent="0.25">
      <c r="A27" s="44">
        <v>29</v>
      </c>
      <c r="B27" s="45" t="s">
        <v>54</v>
      </c>
      <c r="C27" s="38">
        <v>30</v>
      </c>
      <c r="D27" s="38">
        <v>369</v>
      </c>
      <c r="E27" s="38">
        <v>271</v>
      </c>
      <c r="F27" s="39">
        <v>640</v>
      </c>
      <c r="G27" s="38">
        <v>24</v>
      </c>
      <c r="H27" s="38">
        <v>215</v>
      </c>
      <c r="I27" s="38">
        <v>129</v>
      </c>
      <c r="J27" s="39">
        <v>344</v>
      </c>
      <c r="K27" s="38">
        <v>6</v>
      </c>
      <c r="L27" s="38">
        <v>154</v>
      </c>
      <c r="M27" s="38">
        <v>142</v>
      </c>
      <c r="N27" s="38">
        <v>296</v>
      </c>
      <c r="O27" s="19"/>
    </row>
    <row r="28" spans="1:16" x14ac:dyDescent="0.25">
      <c r="A28" s="44">
        <v>30</v>
      </c>
      <c r="B28" s="45" t="s">
        <v>3</v>
      </c>
      <c r="C28" s="38">
        <v>5</v>
      </c>
      <c r="D28" s="38">
        <v>121</v>
      </c>
      <c r="E28" s="38">
        <v>105</v>
      </c>
      <c r="F28" s="39">
        <v>226</v>
      </c>
      <c r="G28" s="38">
        <v>3</v>
      </c>
      <c r="H28" s="38">
        <v>21</v>
      </c>
      <c r="I28" s="38">
        <v>24</v>
      </c>
      <c r="J28" s="39">
        <v>45</v>
      </c>
      <c r="K28" s="38">
        <v>2</v>
      </c>
      <c r="L28" s="38">
        <v>100</v>
      </c>
      <c r="M28" s="38">
        <v>81</v>
      </c>
      <c r="N28" s="38">
        <v>181</v>
      </c>
      <c r="O28" s="19"/>
    </row>
    <row r="29" spans="1:16" x14ac:dyDescent="0.25">
      <c r="A29" s="44">
        <v>31</v>
      </c>
      <c r="B29" s="45" t="s">
        <v>2</v>
      </c>
      <c r="C29" s="38">
        <v>25</v>
      </c>
      <c r="D29" s="38">
        <v>1711</v>
      </c>
      <c r="E29" s="38">
        <v>273</v>
      </c>
      <c r="F29" s="39">
        <v>1984</v>
      </c>
      <c r="G29" s="38">
        <v>11</v>
      </c>
      <c r="H29" s="38">
        <v>111</v>
      </c>
      <c r="I29" s="38">
        <v>42</v>
      </c>
      <c r="J29" s="39">
        <v>153</v>
      </c>
      <c r="K29" s="38">
        <v>14</v>
      </c>
      <c r="L29" s="38">
        <v>1600</v>
      </c>
      <c r="M29" s="38">
        <v>231</v>
      </c>
      <c r="N29" s="38">
        <v>1831</v>
      </c>
      <c r="O29" s="19"/>
    </row>
    <row r="30" spans="1:16" ht="13.15" thickBot="1" x14ac:dyDescent="0.3">
      <c r="A30" s="46">
        <v>32</v>
      </c>
      <c r="B30" s="24" t="s">
        <v>1</v>
      </c>
      <c r="C30" s="40">
        <v>18</v>
      </c>
      <c r="D30" s="40">
        <v>238</v>
      </c>
      <c r="E30" s="40">
        <v>90</v>
      </c>
      <c r="F30" s="41">
        <v>328</v>
      </c>
      <c r="G30" s="40">
        <v>16</v>
      </c>
      <c r="H30" s="40">
        <v>68</v>
      </c>
      <c r="I30" s="40">
        <v>37</v>
      </c>
      <c r="J30" s="41">
        <v>105</v>
      </c>
      <c r="K30" s="42">
        <v>2</v>
      </c>
      <c r="L30" s="42">
        <v>170</v>
      </c>
      <c r="M30" s="42">
        <v>53</v>
      </c>
      <c r="N30" s="42">
        <v>223</v>
      </c>
      <c r="O30" s="19"/>
    </row>
    <row r="31" spans="1:16" x14ac:dyDescent="0.25">
      <c r="A31" s="10" t="s">
        <v>503</v>
      </c>
      <c r="B31" s="4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19"/>
    </row>
    <row r="32" spans="1:16" x14ac:dyDescent="0.25">
      <c r="A32" s="10" t="s">
        <v>509</v>
      </c>
    </row>
    <row r="33" spans="1:1" x14ac:dyDescent="0.25">
      <c r="A33" s="3"/>
    </row>
  </sheetData>
  <mergeCells count="11">
    <mergeCell ref="A1:N1"/>
    <mergeCell ref="A3:B5"/>
    <mergeCell ref="C3:F3"/>
    <mergeCell ref="G3:J3"/>
    <mergeCell ref="K3:N3"/>
    <mergeCell ref="C4:C5"/>
    <mergeCell ref="D4:F4"/>
    <mergeCell ref="G4:G5"/>
    <mergeCell ref="H4:J4"/>
    <mergeCell ref="K4:K5"/>
    <mergeCell ref="L4:N4"/>
  </mergeCells>
  <phoneticPr fontId="3"/>
  <printOptions horizontalCentered="1"/>
  <pageMargins left="0.59055118110236227" right="0.59055118110236227" top="0.98425196850393704" bottom="0.98425196850393704" header="0.51181102362204722" footer="0.51181102362204722"/>
  <pageSetup paperSize="9" scale="85" orientation="landscape" r:id="rId1"/>
  <headerFooter alignWithMargins="0">
    <oddHeader xml:space="preserve">&amp;R別添３
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3"/>
  <sheetViews>
    <sheetView view="pageBreakPreview" zoomScaleNormal="100" zoomScaleSheetLayoutView="100" workbookViewId="0">
      <pane xSplit="2" ySplit="5" topLeftCell="C6" activePane="bottomRight" state="frozen"/>
      <selection pane="topRight"/>
      <selection pane="bottomLeft"/>
      <selection pane="bottomRight" sqref="A1:XFD1048576"/>
    </sheetView>
  </sheetViews>
  <sheetFormatPr defaultColWidth="9" defaultRowHeight="12.75" x14ac:dyDescent="0.25"/>
  <cols>
    <col min="1" max="1" width="3.19921875" style="145" customWidth="1"/>
    <col min="2" max="2" width="25.9296875" style="145" customWidth="1"/>
    <col min="3" max="6" width="14.6640625" style="145" customWidth="1"/>
    <col min="7" max="14" width="14.6640625" style="133" customWidth="1"/>
    <col min="15" max="16384" width="9" style="145"/>
  </cols>
  <sheetData>
    <row r="1" spans="1:14" s="130" customFormat="1" ht="20.25" customHeight="1" x14ac:dyDescent="0.25">
      <c r="A1" s="129" t="s">
        <v>505</v>
      </c>
      <c r="B1" s="129"/>
      <c r="C1" s="129"/>
      <c r="D1" s="129"/>
      <c r="E1" s="129"/>
      <c r="F1" s="129"/>
      <c r="G1" s="129"/>
      <c r="H1" s="129"/>
      <c r="I1" s="129"/>
      <c r="J1" s="129"/>
      <c r="K1" s="129"/>
      <c r="L1" s="129"/>
      <c r="M1" s="129"/>
      <c r="N1" s="129"/>
    </row>
    <row r="2" spans="1:14" s="130" customFormat="1" ht="14.25" customHeight="1" thickBot="1" x14ac:dyDescent="0.3">
      <c r="A2" s="131"/>
      <c r="B2" s="131"/>
      <c r="C2" s="131"/>
      <c r="D2" s="131"/>
      <c r="E2" s="131"/>
      <c r="F2" s="131"/>
      <c r="G2" s="131"/>
      <c r="H2" s="132"/>
      <c r="I2" s="133"/>
      <c r="J2" s="133"/>
      <c r="K2" s="131"/>
      <c r="L2" s="132"/>
      <c r="M2" s="133"/>
      <c r="N2" s="134" t="s">
        <v>31</v>
      </c>
    </row>
    <row r="3" spans="1:14" ht="15" customHeight="1" x14ac:dyDescent="0.25">
      <c r="A3" s="135" t="s">
        <v>30</v>
      </c>
      <c r="B3" s="136"/>
      <c r="C3" s="137" t="s">
        <v>489</v>
      </c>
      <c r="D3" s="138"/>
      <c r="E3" s="138"/>
      <c r="F3" s="139"/>
      <c r="G3" s="140" t="s">
        <v>70</v>
      </c>
      <c r="H3" s="141"/>
      <c r="I3" s="141"/>
      <c r="J3" s="142"/>
      <c r="K3" s="143" t="s">
        <v>69</v>
      </c>
      <c r="L3" s="144"/>
      <c r="M3" s="144"/>
      <c r="N3" s="144"/>
    </row>
    <row r="4" spans="1:14" ht="14.25" customHeight="1" x14ac:dyDescent="0.25">
      <c r="A4" s="146"/>
      <c r="B4" s="147"/>
      <c r="C4" s="148" t="s">
        <v>490</v>
      </c>
      <c r="D4" s="149"/>
      <c r="E4" s="149"/>
      <c r="F4" s="150"/>
      <c r="G4" s="151" t="s">
        <v>490</v>
      </c>
      <c r="H4" s="152"/>
      <c r="I4" s="152"/>
      <c r="J4" s="153"/>
      <c r="K4" s="151" t="s">
        <v>490</v>
      </c>
      <c r="L4" s="152"/>
      <c r="M4" s="152"/>
      <c r="N4" s="152"/>
    </row>
    <row r="5" spans="1:14" x14ac:dyDescent="0.25">
      <c r="A5" s="154"/>
      <c r="B5" s="155"/>
      <c r="C5" s="156"/>
      <c r="D5" s="157" t="s">
        <v>27</v>
      </c>
      <c r="E5" s="157" t="s">
        <v>26</v>
      </c>
      <c r="F5" s="158" t="s">
        <v>25</v>
      </c>
      <c r="G5" s="159"/>
      <c r="H5" s="160" t="s">
        <v>68</v>
      </c>
      <c r="I5" s="160" t="s">
        <v>67</v>
      </c>
      <c r="J5" s="161" t="s">
        <v>66</v>
      </c>
      <c r="K5" s="159"/>
      <c r="L5" s="160" t="s">
        <v>68</v>
      </c>
      <c r="M5" s="160" t="s">
        <v>67</v>
      </c>
      <c r="N5" s="162" t="s">
        <v>66</v>
      </c>
    </row>
    <row r="6" spans="1:14" x14ac:dyDescent="0.25">
      <c r="B6" s="163" t="s">
        <v>24</v>
      </c>
      <c r="C6" s="164">
        <v>135090124</v>
      </c>
      <c r="D6" s="165">
        <v>114267160</v>
      </c>
      <c r="E6" s="165">
        <v>9493154</v>
      </c>
      <c r="F6" s="166">
        <v>11324003</v>
      </c>
      <c r="G6" s="167">
        <v>11432164</v>
      </c>
      <c r="H6" s="165">
        <v>9278919</v>
      </c>
      <c r="I6" s="165">
        <v>1148483</v>
      </c>
      <c r="J6" s="166">
        <v>1002489</v>
      </c>
      <c r="K6" s="167">
        <v>123657960</v>
      </c>
      <c r="L6" s="164">
        <v>104988241</v>
      </c>
      <c r="M6" s="165">
        <v>8344671</v>
      </c>
      <c r="N6" s="165">
        <v>10321514</v>
      </c>
    </row>
    <row r="7" spans="1:14" x14ac:dyDescent="0.25">
      <c r="A7" s="168">
        <v>9</v>
      </c>
      <c r="B7" s="169" t="s">
        <v>23</v>
      </c>
      <c r="C7" s="170">
        <v>6170785</v>
      </c>
      <c r="D7" s="171">
        <v>5547823</v>
      </c>
      <c r="E7" s="171">
        <v>117316</v>
      </c>
      <c r="F7" s="172">
        <v>505646</v>
      </c>
      <c r="G7" s="173">
        <v>1414580</v>
      </c>
      <c r="H7" s="171">
        <v>1026095</v>
      </c>
      <c r="I7" s="171">
        <v>38683</v>
      </c>
      <c r="J7" s="172">
        <v>349802</v>
      </c>
      <c r="K7" s="173">
        <v>4756205</v>
      </c>
      <c r="L7" s="170">
        <v>4521728</v>
      </c>
      <c r="M7" s="171">
        <v>78633</v>
      </c>
      <c r="N7" s="171">
        <v>155844</v>
      </c>
    </row>
    <row r="8" spans="1:14" x14ac:dyDescent="0.25">
      <c r="A8" s="168">
        <v>10</v>
      </c>
      <c r="B8" s="169" t="s">
        <v>22</v>
      </c>
      <c r="C8" s="170">
        <v>1187981</v>
      </c>
      <c r="D8" s="171">
        <v>1170659</v>
      </c>
      <c r="E8" s="171" t="s">
        <v>287</v>
      </c>
      <c r="F8" s="172">
        <v>17322</v>
      </c>
      <c r="G8" s="173" t="s">
        <v>287</v>
      </c>
      <c r="H8" s="171" t="s">
        <v>287</v>
      </c>
      <c r="I8" s="171" t="s">
        <v>287</v>
      </c>
      <c r="J8" s="172" t="s">
        <v>287</v>
      </c>
      <c r="K8" s="173" t="s">
        <v>287</v>
      </c>
      <c r="L8" s="170" t="s">
        <v>287</v>
      </c>
      <c r="M8" s="171" t="s">
        <v>287</v>
      </c>
      <c r="N8" s="172" t="s">
        <v>287</v>
      </c>
    </row>
    <row r="9" spans="1:14" x14ac:dyDescent="0.25">
      <c r="A9" s="168">
        <v>11</v>
      </c>
      <c r="B9" s="169" t="s">
        <v>21</v>
      </c>
      <c r="C9" s="170">
        <v>606022</v>
      </c>
      <c r="D9" s="171">
        <v>148679</v>
      </c>
      <c r="E9" s="171">
        <v>397468</v>
      </c>
      <c r="F9" s="172">
        <v>59777</v>
      </c>
      <c r="G9" s="173">
        <v>79383</v>
      </c>
      <c r="H9" s="171">
        <v>35807</v>
      </c>
      <c r="I9" s="171">
        <v>36528</v>
      </c>
      <c r="J9" s="172">
        <v>7048</v>
      </c>
      <c r="K9" s="173">
        <v>526639</v>
      </c>
      <c r="L9" s="170">
        <v>112872</v>
      </c>
      <c r="M9" s="171">
        <v>360940</v>
      </c>
      <c r="N9" s="171">
        <v>52729</v>
      </c>
    </row>
    <row r="10" spans="1:14" x14ac:dyDescent="0.25">
      <c r="A10" s="168">
        <v>12</v>
      </c>
      <c r="B10" s="169" t="s">
        <v>20</v>
      </c>
      <c r="C10" s="170">
        <v>640894</v>
      </c>
      <c r="D10" s="171">
        <v>477785</v>
      </c>
      <c r="E10" s="171">
        <v>11479</v>
      </c>
      <c r="F10" s="172">
        <v>151630</v>
      </c>
      <c r="G10" s="173">
        <v>349536</v>
      </c>
      <c r="H10" s="171">
        <v>256437</v>
      </c>
      <c r="I10" s="171">
        <v>11479</v>
      </c>
      <c r="J10" s="172">
        <v>81620</v>
      </c>
      <c r="K10" s="173">
        <v>291358</v>
      </c>
      <c r="L10" s="170">
        <v>221348</v>
      </c>
      <c r="M10" s="171">
        <v>0</v>
      </c>
      <c r="N10" s="171">
        <v>70010</v>
      </c>
    </row>
    <row r="11" spans="1:14" x14ac:dyDescent="0.25">
      <c r="A11" s="168">
        <v>13</v>
      </c>
      <c r="B11" s="169" t="s">
        <v>19</v>
      </c>
      <c r="C11" s="170">
        <v>236138</v>
      </c>
      <c r="D11" s="171">
        <v>225577</v>
      </c>
      <c r="E11" s="171">
        <v>6725</v>
      </c>
      <c r="F11" s="172">
        <v>3836</v>
      </c>
      <c r="G11" s="173" t="s">
        <v>287</v>
      </c>
      <c r="H11" s="171" t="s">
        <v>287</v>
      </c>
      <c r="I11" s="171" t="s">
        <v>287</v>
      </c>
      <c r="J11" s="172" t="s">
        <v>287</v>
      </c>
      <c r="K11" s="173" t="s">
        <v>287</v>
      </c>
      <c r="L11" s="170" t="s">
        <v>287</v>
      </c>
      <c r="M11" s="171" t="s">
        <v>287</v>
      </c>
      <c r="N11" s="171" t="s">
        <v>287</v>
      </c>
    </row>
    <row r="12" spans="1:14" x14ac:dyDescent="0.25">
      <c r="A12" s="168">
        <v>14</v>
      </c>
      <c r="B12" s="169" t="s">
        <v>18</v>
      </c>
      <c r="C12" s="170">
        <v>5141204</v>
      </c>
      <c r="D12" s="171">
        <v>3773242</v>
      </c>
      <c r="E12" s="171">
        <v>68014</v>
      </c>
      <c r="F12" s="172">
        <v>1296559</v>
      </c>
      <c r="G12" s="173">
        <v>70386</v>
      </c>
      <c r="H12" s="171">
        <v>55417</v>
      </c>
      <c r="I12" s="171">
        <v>9973</v>
      </c>
      <c r="J12" s="172">
        <v>4996</v>
      </c>
      <c r="K12" s="173">
        <v>5070818</v>
      </c>
      <c r="L12" s="170">
        <v>3717825</v>
      </c>
      <c r="M12" s="171">
        <v>58041</v>
      </c>
      <c r="N12" s="171">
        <v>1291563</v>
      </c>
    </row>
    <row r="13" spans="1:14" x14ac:dyDescent="0.25">
      <c r="A13" s="168">
        <v>15</v>
      </c>
      <c r="B13" s="169" t="s">
        <v>59</v>
      </c>
      <c r="C13" s="170">
        <v>2250943</v>
      </c>
      <c r="D13" s="171">
        <v>1905740</v>
      </c>
      <c r="E13" s="171">
        <v>134493</v>
      </c>
      <c r="F13" s="172">
        <v>210710</v>
      </c>
      <c r="G13" s="173">
        <v>632551</v>
      </c>
      <c r="H13" s="171">
        <v>481941</v>
      </c>
      <c r="I13" s="171">
        <v>65358</v>
      </c>
      <c r="J13" s="172">
        <v>85252</v>
      </c>
      <c r="K13" s="173">
        <v>1618392</v>
      </c>
      <c r="L13" s="170">
        <v>1423799</v>
      </c>
      <c r="M13" s="171">
        <v>69135</v>
      </c>
      <c r="N13" s="171">
        <v>125458</v>
      </c>
    </row>
    <row r="14" spans="1:14" x14ac:dyDescent="0.25">
      <c r="A14" s="168">
        <v>16</v>
      </c>
      <c r="B14" s="169" t="s">
        <v>17</v>
      </c>
      <c r="C14" s="170">
        <v>42008539</v>
      </c>
      <c r="D14" s="171">
        <v>31757528</v>
      </c>
      <c r="E14" s="171">
        <v>5177588</v>
      </c>
      <c r="F14" s="172">
        <v>5073376</v>
      </c>
      <c r="G14" s="173">
        <v>676702</v>
      </c>
      <c r="H14" s="171">
        <v>639791</v>
      </c>
      <c r="I14" s="171">
        <v>9814</v>
      </c>
      <c r="J14" s="172">
        <v>27097</v>
      </c>
      <c r="K14" s="173">
        <v>41331837</v>
      </c>
      <c r="L14" s="170">
        <v>31117737</v>
      </c>
      <c r="M14" s="171">
        <v>5167774</v>
      </c>
      <c r="N14" s="171">
        <v>5046279</v>
      </c>
    </row>
    <row r="15" spans="1:14" x14ac:dyDescent="0.25">
      <c r="A15" s="168">
        <v>17</v>
      </c>
      <c r="B15" s="169" t="s">
        <v>16</v>
      </c>
      <c r="C15" s="170">
        <v>187204</v>
      </c>
      <c r="D15" s="171">
        <v>165494</v>
      </c>
      <c r="E15" s="171">
        <v>0</v>
      </c>
      <c r="F15" s="172">
        <v>21710</v>
      </c>
      <c r="G15" s="173">
        <v>187204</v>
      </c>
      <c r="H15" s="171">
        <v>165494</v>
      </c>
      <c r="I15" s="171">
        <v>0</v>
      </c>
      <c r="J15" s="172">
        <v>21710</v>
      </c>
      <c r="K15" s="173">
        <v>0</v>
      </c>
      <c r="L15" s="170">
        <v>0</v>
      </c>
      <c r="M15" s="171">
        <v>0</v>
      </c>
      <c r="N15" s="171">
        <v>0</v>
      </c>
    </row>
    <row r="16" spans="1:14" x14ac:dyDescent="0.25">
      <c r="A16" s="168">
        <v>18</v>
      </c>
      <c r="B16" s="169" t="s">
        <v>15</v>
      </c>
      <c r="C16" s="170">
        <v>4614225</v>
      </c>
      <c r="D16" s="171">
        <v>3543993</v>
      </c>
      <c r="E16" s="171">
        <v>136049</v>
      </c>
      <c r="F16" s="172">
        <v>934183</v>
      </c>
      <c r="G16" s="173">
        <v>1014094</v>
      </c>
      <c r="H16" s="171">
        <v>884246</v>
      </c>
      <c r="I16" s="171">
        <v>76171</v>
      </c>
      <c r="J16" s="172">
        <v>53677</v>
      </c>
      <c r="K16" s="173">
        <v>3600131</v>
      </c>
      <c r="L16" s="170">
        <v>2659747</v>
      </c>
      <c r="M16" s="171">
        <v>59878</v>
      </c>
      <c r="N16" s="171">
        <v>880506</v>
      </c>
    </row>
    <row r="17" spans="1:14" x14ac:dyDescent="0.25">
      <c r="A17" s="168">
        <v>19</v>
      </c>
      <c r="B17" s="169" t="s">
        <v>14</v>
      </c>
      <c r="C17" s="171" t="s">
        <v>508</v>
      </c>
      <c r="D17" s="171" t="s">
        <v>508</v>
      </c>
      <c r="E17" s="171" t="s">
        <v>508</v>
      </c>
      <c r="F17" s="171" t="s">
        <v>508</v>
      </c>
      <c r="G17" s="173" t="s">
        <v>287</v>
      </c>
      <c r="H17" s="171" t="s">
        <v>287</v>
      </c>
      <c r="I17" s="171" t="s">
        <v>287</v>
      </c>
      <c r="J17" s="172" t="s">
        <v>287</v>
      </c>
      <c r="K17" s="173">
        <v>0</v>
      </c>
      <c r="L17" s="170">
        <v>0</v>
      </c>
      <c r="M17" s="171">
        <v>0</v>
      </c>
      <c r="N17" s="171">
        <v>0</v>
      </c>
    </row>
    <row r="18" spans="1:14" ht="12.75" customHeight="1" x14ac:dyDescent="0.25">
      <c r="A18" s="168">
        <v>20</v>
      </c>
      <c r="B18" s="169" t="s">
        <v>65</v>
      </c>
      <c r="C18" s="171" t="s">
        <v>508</v>
      </c>
      <c r="D18" s="171" t="s">
        <v>508</v>
      </c>
      <c r="E18" s="171" t="s">
        <v>508</v>
      </c>
      <c r="F18" s="171" t="s">
        <v>508</v>
      </c>
      <c r="G18" s="173">
        <v>0</v>
      </c>
      <c r="H18" s="171">
        <v>0</v>
      </c>
      <c r="I18" s="171">
        <v>0</v>
      </c>
      <c r="J18" s="172">
        <v>0</v>
      </c>
      <c r="K18" s="173" t="s">
        <v>287</v>
      </c>
      <c r="L18" s="170" t="s">
        <v>287</v>
      </c>
      <c r="M18" s="171" t="s">
        <v>287</v>
      </c>
      <c r="N18" s="172" t="s">
        <v>287</v>
      </c>
    </row>
    <row r="19" spans="1:14" x14ac:dyDescent="0.25">
      <c r="A19" s="168">
        <v>21</v>
      </c>
      <c r="B19" s="169" t="s">
        <v>12</v>
      </c>
      <c r="C19" s="170">
        <v>3999551</v>
      </c>
      <c r="D19" s="171">
        <v>3635353</v>
      </c>
      <c r="E19" s="171">
        <v>5622</v>
      </c>
      <c r="F19" s="172">
        <v>358576</v>
      </c>
      <c r="G19" s="173">
        <v>1004872</v>
      </c>
      <c r="H19" s="171">
        <v>882436</v>
      </c>
      <c r="I19" s="171">
        <v>5622</v>
      </c>
      <c r="J19" s="172">
        <v>116814</v>
      </c>
      <c r="K19" s="173">
        <v>2994679</v>
      </c>
      <c r="L19" s="170">
        <v>2752917</v>
      </c>
      <c r="M19" s="171">
        <v>0</v>
      </c>
      <c r="N19" s="171">
        <v>241762</v>
      </c>
    </row>
    <row r="20" spans="1:14" x14ac:dyDescent="0.25">
      <c r="A20" s="168">
        <v>22</v>
      </c>
      <c r="B20" s="169" t="s">
        <v>11</v>
      </c>
      <c r="C20" s="170">
        <v>3259681</v>
      </c>
      <c r="D20" s="171">
        <v>2727890</v>
      </c>
      <c r="E20" s="171">
        <v>116034</v>
      </c>
      <c r="F20" s="172">
        <v>415757</v>
      </c>
      <c r="G20" s="173">
        <v>658865</v>
      </c>
      <c r="H20" s="171">
        <v>595656</v>
      </c>
      <c r="I20" s="171">
        <v>44487</v>
      </c>
      <c r="J20" s="172">
        <v>18722</v>
      </c>
      <c r="K20" s="173">
        <v>2600816</v>
      </c>
      <c r="L20" s="170">
        <v>2132234</v>
      </c>
      <c r="M20" s="171">
        <v>71547</v>
      </c>
      <c r="N20" s="171">
        <v>397035</v>
      </c>
    </row>
    <row r="21" spans="1:14" x14ac:dyDescent="0.25">
      <c r="A21" s="168">
        <v>23</v>
      </c>
      <c r="B21" s="169" t="s">
        <v>10</v>
      </c>
      <c r="C21" s="170">
        <v>1948318</v>
      </c>
      <c r="D21" s="171">
        <v>1824574</v>
      </c>
      <c r="E21" s="171">
        <v>62812</v>
      </c>
      <c r="F21" s="172">
        <v>60932</v>
      </c>
      <c r="G21" s="173">
        <v>287580</v>
      </c>
      <c r="H21" s="171">
        <v>251647</v>
      </c>
      <c r="I21" s="171">
        <v>23237</v>
      </c>
      <c r="J21" s="172">
        <v>12696</v>
      </c>
      <c r="K21" s="173">
        <v>1660738</v>
      </c>
      <c r="L21" s="170">
        <v>1572927</v>
      </c>
      <c r="M21" s="171">
        <v>39575</v>
      </c>
      <c r="N21" s="171">
        <v>48236</v>
      </c>
    </row>
    <row r="22" spans="1:14" x14ac:dyDescent="0.25">
      <c r="A22" s="168">
        <v>24</v>
      </c>
      <c r="B22" s="169" t="s">
        <v>9</v>
      </c>
      <c r="C22" s="170">
        <v>5333089</v>
      </c>
      <c r="D22" s="171">
        <v>3733375</v>
      </c>
      <c r="E22" s="171">
        <v>1430524</v>
      </c>
      <c r="F22" s="172">
        <v>168182</v>
      </c>
      <c r="G22" s="173">
        <v>1565158</v>
      </c>
      <c r="H22" s="171">
        <v>1315415</v>
      </c>
      <c r="I22" s="171">
        <v>211006</v>
      </c>
      <c r="J22" s="172">
        <v>37729</v>
      </c>
      <c r="K22" s="173">
        <v>3767931</v>
      </c>
      <c r="L22" s="170">
        <v>2417960</v>
      </c>
      <c r="M22" s="171">
        <v>1219518</v>
      </c>
      <c r="N22" s="171">
        <v>130453</v>
      </c>
    </row>
    <row r="23" spans="1:14" x14ac:dyDescent="0.25">
      <c r="A23" s="168">
        <v>25</v>
      </c>
      <c r="B23" s="169" t="s">
        <v>58</v>
      </c>
      <c r="C23" s="170">
        <v>3802980</v>
      </c>
      <c r="D23" s="171">
        <v>3298393</v>
      </c>
      <c r="E23" s="171">
        <v>352944</v>
      </c>
      <c r="F23" s="172">
        <v>151643</v>
      </c>
      <c r="G23" s="173">
        <v>485661</v>
      </c>
      <c r="H23" s="171">
        <v>368120</v>
      </c>
      <c r="I23" s="171">
        <v>103432</v>
      </c>
      <c r="J23" s="172">
        <v>14109</v>
      </c>
      <c r="K23" s="173">
        <v>3317319</v>
      </c>
      <c r="L23" s="170">
        <v>2930273</v>
      </c>
      <c r="M23" s="171">
        <v>249512</v>
      </c>
      <c r="N23" s="171">
        <v>137534</v>
      </c>
    </row>
    <row r="24" spans="1:14" x14ac:dyDescent="0.25">
      <c r="A24" s="168">
        <v>26</v>
      </c>
      <c r="B24" s="169" t="s">
        <v>57</v>
      </c>
      <c r="C24" s="170">
        <v>31030100</v>
      </c>
      <c r="D24" s="171">
        <v>30384422</v>
      </c>
      <c r="E24" s="171">
        <v>522758</v>
      </c>
      <c r="F24" s="172">
        <v>122850</v>
      </c>
      <c r="G24" s="173">
        <v>1478769</v>
      </c>
      <c r="H24" s="171">
        <v>1101993</v>
      </c>
      <c r="I24" s="171">
        <v>314076</v>
      </c>
      <c r="J24" s="172">
        <v>62630</v>
      </c>
      <c r="K24" s="173">
        <v>29551331</v>
      </c>
      <c r="L24" s="170">
        <v>29282429</v>
      </c>
      <c r="M24" s="171">
        <v>208682</v>
      </c>
      <c r="N24" s="171">
        <v>60220</v>
      </c>
    </row>
    <row r="25" spans="1:14" x14ac:dyDescent="0.25">
      <c r="A25" s="168">
        <v>27</v>
      </c>
      <c r="B25" s="169" t="s">
        <v>56</v>
      </c>
      <c r="C25" s="170">
        <v>196334</v>
      </c>
      <c r="D25" s="171">
        <v>155472</v>
      </c>
      <c r="E25" s="171">
        <v>2244</v>
      </c>
      <c r="F25" s="172">
        <v>38618</v>
      </c>
      <c r="G25" s="174" t="s">
        <v>287</v>
      </c>
      <c r="H25" s="175" t="s">
        <v>287</v>
      </c>
      <c r="I25" s="171" t="s">
        <v>287</v>
      </c>
      <c r="J25" s="171" t="s">
        <v>287</v>
      </c>
      <c r="K25" s="173" t="s">
        <v>287</v>
      </c>
      <c r="L25" s="170" t="s">
        <v>287</v>
      </c>
      <c r="M25" s="171" t="s">
        <v>287</v>
      </c>
      <c r="N25" s="171" t="s">
        <v>287</v>
      </c>
    </row>
    <row r="26" spans="1:14" s="177" customFormat="1" x14ac:dyDescent="0.25">
      <c r="A26" s="168">
        <v>28</v>
      </c>
      <c r="B26" s="176" t="s">
        <v>55</v>
      </c>
      <c r="C26" s="170">
        <v>15077223</v>
      </c>
      <c r="D26" s="171">
        <v>13298981</v>
      </c>
      <c r="E26" s="171">
        <v>188433</v>
      </c>
      <c r="F26" s="172">
        <v>1589809</v>
      </c>
      <c r="G26" s="173">
        <v>172304</v>
      </c>
      <c r="H26" s="171">
        <v>119625</v>
      </c>
      <c r="I26" s="171">
        <v>51996</v>
      </c>
      <c r="J26" s="172">
        <v>683</v>
      </c>
      <c r="K26" s="173">
        <v>14904919</v>
      </c>
      <c r="L26" s="170">
        <v>13179356</v>
      </c>
      <c r="M26" s="171">
        <v>136437</v>
      </c>
      <c r="N26" s="171">
        <v>1589126</v>
      </c>
    </row>
    <row r="27" spans="1:14" x14ac:dyDescent="0.25">
      <c r="A27" s="168">
        <v>29</v>
      </c>
      <c r="B27" s="169" t="s">
        <v>54</v>
      </c>
      <c r="C27" s="170">
        <v>646948</v>
      </c>
      <c r="D27" s="171">
        <v>505746</v>
      </c>
      <c r="E27" s="171">
        <v>109661</v>
      </c>
      <c r="F27" s="172">
        <v>30346</v>
      </c>
      <c r="G27" s="173">
        <v>366102</v>
      </c>
      <c r="H27" s="171">
        <v>294364</v>
      </c>
      <c r="I27" s="171">
        <v>40197</v>
      </c>
      <c r="J27" s="172">
        <v>30346</v>
      </c>
      <c r="K27" s="173">
        <v>280846</v>
      </c>
      <c r="L27" s="170">
        <v>211382</v>
      </c>
      <c r="M27" s="171">
        <v>69464</v>
      </c>
      <c r="N27" s="171">
        <v>0</v>
      </c>
    </row>
    <row r="28" spans="1:14" x14ac:dyDescent="0.25">
      <c r="A28" s="168">
        <v>30</v>
      </c>
      <c r="B28" s="169" t="s">
        <v>3</v>
      </c>
      <c r="C28" s="170">
        <v>452550</v>
      </c>
      <c r="D28" s="171">
        <v>426181</v>
      </c>
      <c r="E28" s="171">
        <v>19535</v>
      </c>
      <c r="F28" s="172">
        <v>6834</v>
      </c>
      <c r="G28" s="173" t="s">
        <v>287</v>
      </c>
      <c r="H28" s="171" t="s">
        <v>287</v>
      </c>
      <c r="I28" s="171" t="s">
        <v>287</v>
      </c>
      <c r="J28" s="171" t="s">
        <v>287</v>
      </c>
      <c r="K28" s="173" t="s">
        <v>287</v>
      </c>
      <c r="L28" s="170" t="s">
        <v>287</v>
      </c>
      <c r="M28" s="171" t="s">
        <v>287</v>
      </c>
      <c r="N28" s="171" t="s">
        <v>287</v>
      </c>
    </row>
    <row r="29" spans="1:14" x14ac:dyDescent="0.25">
      <c r="A29" s="168">
        <v>31</v>
      </c>
      <c r="B29" s="169" t="s">
        <v>2</v>
      </c>
      <c r="C29" s="170">
        <v>3883921</v>
      </c>
      <c r="D29" s="171">
        <v>3233402</v>
      </c>
      <c r="E29" s="171">
        <v>567950</v>
      </c>
      <c r="F29" s="172">
        <v>82569</v>
      </c>
      <c r="G29" s="173">
        <v>162404</v>
      </c>
      <c r="H29" s="171">
        <v>92697</v>
      </c>
      <c r="I29" s="171">
        <v>58587</v>
      </c>
      <c r="J29" s="172">
        <v>11120</v>
      </c>
      <c r="K29" s="173">
        <v>3721517</v>
      </c>
      <c r="L29" s="170">
        <v>3140705</v>
      </c>
      <c r="M29" s="171">
        <v>509363</v>
      </c>
      <c r="N29" s="171">
        <v>71449</v>
      </c>
    </row>
    <row r="30" spans="1:14" ht="13.15" thickBot="1" x14ac:dyDescent="0.3">
      <c r="A30" s="178">
        <v>32</v>
      </c>
      <c r="B30" s="179" t="s">
        <v>1</v>
      </c>
      <c r="C30" s="180">
        <v>2059461</v>
      </c>
      <c r="D30" s="181">
        <v>2007442</v>
      </c>
      <c r="E30" s="181">
        <v>44859</v>
      </c>
      <c r="F30" s="182">
        <v>7160</v>
      </c>
      <c r="G30" s="183" t="s">
        <v>287</v>
      </c>
      <c r="H30" s="181" t="s">
        <v>287</v>
      </c>
      <c r="I30" s="181" t="s">
        <v>287</v>
      </c>
      <c r="J30" s="182" t="s">
        <v>287</v>
      </c>
      <c r="K30" s="183" t="s">
        <v>287</v>
      </c>
      <c r="L30" s="180" t="s">
        <v>287</v>
      </c>
      <c r="M30" s="181" t="s">
        <v>287</v>
      </c>
      <c r="N30" s="181" t="s">
        <v>287</v>
      </c>
    </row>
    <row r="31" spans="1:14" x14ac:dyDescent="0.25">
      <c r="A31" s="184" t="s">
        <v>71</v>
      </c>
      <c r="B31" s="185"/>
      <c r="C31" s="186"/>
      <c r="D31" s="186"/>
      <c r="E31" s="186"/>
      <c r="F31" s="186"/>
      <c r="G31" s="186"/>
      <c r="H31" s="186"/>
      <c r="I31" s="186"/>
      <c r="J31" s="186"/>
      <c r="K31" s="186"/>
      <c r="L31" s="186"/>
      <c r="M31" s="186"/>
      <c r="N31" s="186"/>
    </row>
    <row r="32" spans="1:14" x14ac:dyDescent="0.25">
      <c r="A32" s="184" t="s">
        <v>491</v>
      </c>
    </row>
    <row r="33" spans="1:6" x14ac:dyDescent="0.25">
      <c r="A33" s="187" t="s">
        <v>509</v>
      </c>
      <c r="C33" s="133"/>
      <c r="D33" s="133"/>
      <c r="E33" s="133"/>
      <c r="F33" s="133"/>
    </row>
  </sheetData>
  <mergeCells count="11">
    <mergeCell ref="A1:N1"/>
    <mergeCell ref="A3:B5"/>
    <mergeCell ref="C3:F3"/>
    <mergeCell ref="G3:J3"/>
    <mergeCell ref="K3:N3"/>
    <mergeCell ref="C4:C5"/>
    <mergeCell ref="D4:F4"/>
    <mergeCell ref="G4:G5"/>
    <mergeCell ref="H4:J4"/>
    <mergeCell ref="K4:K5"/>
    <mergeCell ref="L4:N4"/>
  </mergeCells>
  <phoneticPr fontId="3"/>
  <printOptions horizontalCentered="1"/>
  <pageMargins left="0.59055118110236227" right="0.59055118110236227" top="0.98425196850393704" bottom="0.98425196850393704" header="0.51181102362204722" footer="0.51181102362204722"/>
  <pageSetup paperSize="9" scale="59" fitToHeight="0" orientation="landscape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04"/>
  <sheetViews>
    <sheetView view="pageBreakPreview" zoomScaleNormal="85" zoomScaleSheetLayoutView="100" workbookViewId="0">
      <pane ySplit="2" topLeftCell="A178" activePane="bottomLeft" state="frozen"/>
      <selection pane="bottomLeft" activeCell="C142" sqref="C142"/>
    </sheetView>
  </sheetViews>
  <sheetFormatPr defaultColWidth="9" defaultRowHeight="12.75" x14ac:dyDescent="0.25"/>
  <cols>
    <col min="1" max="1" width="5.6640625" style="14" customWidth="1"/>
    <col min="2" max="2" width="72" style="13" customWidth="1"/>
    <col min="3" max="4" width="12.6640625" style="12" customWidth="1"/>
    <col min="5" max="5" width="12.6640625" style="21" customWidth="1"/>
    <col min="6" max="6" width="12.6640625" style="11" customWidth="1"/>
    <col min="7" max="16384" width="9" style="53"/>
  </cols>
  <sheetData>
    <row r="1" spans="1:10" s="50" customFormat="1" ht="38.25" customHeight="1" x14ac:dyDescent="0.3">
      <c r="A1" s="104" t="s">
        <v>501</v>
      </c>
      <c r="B1" s="104"/>
      <c r="C1" s="104"/>
      <c r="D1" s="104"/>
      <c r="E1" s="104"/>
      <c r="F1" s="104"/>
    </row>
    <row r="2" spans="1:10" s="16" customFormat="1" ht="38.25" x14ac:dyDescent="0.25">
      <c r="A2" s="30" t="s">
        <v>492</v>
      </c>
      <c r="B2" s="25" t="s">
        <v>240</v>
      </c>
      <c r="C2" s="26" t="s">
        <v>502</v>
      </c>
      <c r="D2" s="26" t="s">
        <v>239</v>
      </c>
      <c r="E2" s="20" t="s">
        <v>238</v>
      </c>
      <c r="F2" s="27" t="s">
        <v>500</v>
      </c>
    </row>
    <row r="3" spans="1:10" s="51" customFormat="1" ht="18" customHeight="1" x14ac:dyDescent="0.25">
      <c r="A3" s="28" t="s">
        <v>288</v>
      </c>
      <c r="B3" s="29" t="s">
        <v>237</v>
      </c>
      <c r="C3" s="31">
        <v>1</v>
      </c>
      <c r="D3" s="31">
        <v>12</v>
      </c>
      <c r="E3" s="31" t="s">
        <v>287</v>
      </c>
      <c r="F3" s="32">
        <v>0</v>
      </c>
    </row>
    <row r="4" spans="1:10" s="51" customFormat="1" ht="18" customHeight="1" x14ac:dyDescent="0.25">
      <c r="A4" s="28" t="s">
        <v>289</v>
      </c>
      <c r="B4" s="29" t="s">
        <v>236</v>
      </c>
      <c r="C4" s="31">
        <v>3</v>
      </c>
      <c r="D4" s="31">
        <v>48</v>
      </c>
      <c r="E4" s="31">
        <v>159421</v>
      </c>
      <c r="F4" s="32">
        <v>0</v>
      </c>
    </row>
    <row r="5" spans="1:10" s="51" customFormat="1" ht="18" customHeight="1" x14ac:dyDescent="0.25">
      <c r="A5" s="28" t="s">
        <v>290</v>
      </c>
      <c r="B5" s="29" t="s">
        <v>254</v>
      </c>
      <c r="C5" s="31">
        <v>1</v>
      </c>
      <c r="D5" s="31">
        <v>138</v>
      </c>
      <c r="E5" s="31" t="s">
        <v>287</v>
      </c>
      <c r="F5" s="32">
        <v>1</v>
      </c>
    </row>
    <row r="6" spans="1:10" s="51" customFormat="1" ht="18" customHeight="1" x14ac:dyDescent="0.25">
      <c r="A6" s="28" t="s">
        <v>291</v>
      </c>
      <c r="B6" s="29" t="s">
        <v>255</v>
      </c>
      <c r="C6" s="31">
        <v>1</v>
      </c>
      <c r="D6" s="31">
        <v>12</v>
      </c>
      <c r="E6" s="31" t="s">
        <v>287</v>
      </c>
      <c r="F6" s="32">
        <v>0</v>
      </c>
    </row>
    <row r="7" spans="1:10" s="51" customFormat="1" ht="18" customHeight="1" x14ac:dyDescent="0.25">
      <c r="A7" s="28" t="s">
        <v>292</v>
      </c>
      <c r="B7" s="29" t="s">
        <v>235</v>
      </c>
      <c r="C7" s="31">
        <v>3</v>
      </c>
      <c r="D7" s="31">
        <v>58</v>
      </c>
      <c r="E7" s="31">
        <v>65744</v>
      </c>
      <c r="F7" s="32">
        <v>1</v>
      </c>
    </row>
    <row r="8" spans="1:10" s="51" customFormat="1" ht="18" customHeight="1" x14ac:dyDescent="0.25">
      <c r="A8" s="28" t="s">
        <v>293</v>
      </c>
      <c r="B8" s="29" t="s">
        <v>256</v>
      </c>
      <c r="C8" s="31">
        <v>1</v>
      </c>
      <c r="D8" s="31">
        <v>7</v>
      </c>
      <c r="E8" s="31" t="s">
        <v>287</v>
      </c>
      <c r="F8" s="32">
        <v>0</v>
      </c>
    </row>
    <row r="9" spans="1:10" s="51" customFormat="1" ht="18" customHeight="1" x14ac:dyDescent="0.25">
      <c r="A9" s="28" t="s">
        <v>294</v>
      </c>
      <c r="B9" s="29" t="s">
        <v>257</v>
      </c>
      <c r="C9" s="31">
        <v>1</v>
      </c>
      <c r="D9" s="31">
        <v>32</v>
      </c>
      <c r="E9" s="31" t="s">
        <v>287</v>
      </c>
      <c r="F9" s="32">
        <v>1</v>
      </c>
    </row>
    <row r="10" spans="1:10" s="51" customFormat="1" ht="18" customHeight="1" x14ac:dyDescent="0.25">
      <c r="A10" s="28" t="s">
        <v>295</v>
      </c>
      <c r="B10" s="29" t="s">
        <v>234</v>
      </c>
      <c r="C10" s="31">
        <v>11</v>
      </c>
      <c r="D10" s="31">
        <v>263</v>
      </c>
      <c r="E10" s="31">
        <v>632365</v>
      </c>
      <c r="F10" s="32">
        <v>2</v>
      </c>
      <c r="H10" s="52"/>
      <c r="I10" s="52"/>
      <c r="J10" s="52"/>
    </row>
    <row r="11" spans="1:10" s="51" customFormat="1" ht="18" customHeight="1" x14ac:dyDescent="0.25">
      <c r="A11" s="28" t="s">
        <v>296</v>
      </c>
      <c r="B11" s="29" t="s">
        <v>233</v>
      </c>
      <c r="C11" s="31">
        <v>2</v>
      </c>
      <c r="D11" s="31">
        <v>19</v>
      </c>
      <c r="E11" s="31" t="s">
        <v>287</v>
      </c>
      <c r="F11" s="32">
        <v>0</v>
      </c>
      <c r="H11" s="52"/>
      <c r="I11" s="52"/>
      <c r="J11" s="52"/>
    </row>
    <row r="12" spans="1:10" s="51" customFormat="1" ht="18" customHeight="1" x14ac:dyDescent="0.25">
      <c r="A12" s="28" t="s">
        <v>297</v>
      </c>
      <c r="B12" s="29" t="s">
        <v>232</v>
      </c>
      <c r="C12" s="31">
        <v>1</v>
      </c>
      <c r="D12" s="31">
        <v>7</v>
      </c>
      <c r="E12" s="31" t="s">
        <v>287</v>
      </c>
      <c r="F12" s="32">
        <v>0</v>
      </c>
      <c r="H12" s="52"/>
      <c r="I12" s="52"/>
      <c r="J12" s="52"/>
    </row>
    <row r="13" spans="1:10" s="51" customFormat="1" ht="18" customHeight="1" x14ac:dyDescent="0.25">
      <c r="A13" s="28" t="s">
        <v>298</v>
      </c>
      <c r="B13" s="29" t="s">
        <v>231</v>
      </c>
      <c r="C13" s="31">
        <v>1</v>
      </c>
      <c r="D13" s="31">
        <v>17</v>
      </c>
      <c r="E13" s="31" t="s">
        <v>287</v>
      </c>
      <c r="F13" s="32">
        <v>0</v>
      </c>
      <c r="H13" s="52"/>
      <c r="I13" s="52"/>
      <c r="J13" s="52"/>
    </row>
    <row r="14" spans="1:10" s="51" customFormat="1" ht="18" customHeight="1" x14ac:dyDescent="0.25">
      <c r="A14" s="28" t="s">
        <v>299</v>
      </c>
      <c r="B14" s="29" t="s">
        <v>230</v>
      </c>
      <c r="C14" s="31">
        <v>2</v>
      </c>
      <c r="D14" s="31">
        <v>35</v>
      </c>
      <c r="E14" s="31" t="s">
        <v>287</v>
      </c>
      <c r="F14" s="32">
        <v>0</v>
      </c>
      <c r="H14" s="52"/>
      <c r="I14" s="52"/>
      <c r="J14" s="52"/>
    </row>
    <row r="15" spans="1:10" s="51" customFormat="1" ht="18" customHeight="1" x14ac:dyDescent="0.25">
      <c r="A15" s="28" t="s">
        <v>300</v>
      </c>
      <c r="B15" s="29" t="s">
        <v>229</v>
      </c>
      <c r="C15" s="31">
        <v>7</v>
      </c>
      <c r="D15" s="31">
        <v>237</v>
      </c>
      <c r="E15" s="31">
        <v>162337</v>
      </c>
      <c r="F15" s="32">
        <v>3</v>
      </c>
      <c r="H15" s="52"/>
      <c r="I15" s="52"/>
      <c r="J15" s="52"/>
    </row>
    <row r="16" spans="1:10" s="51" customFormat="1" ht="18" customHeight="1" x14ac:dyDescent="0.25">
      <c r="A16" s="28" t="s">
        <v>301</v>
      </c>
      <c r="B16" s="29" t="s">
        <v>228</v>
      </c>
      <c r="C16" s="31">
        <v>2</v>
      </c>
      <c r="D16" s="31">
        <v>18</v>
      </c>
      <c r="E16" s="31" t="s">
        <v>287</v>
      </c>
      <c r="F16" s="32">
        <v>0</v>
      </c>
      <c r="H16" s="52"/>
      <c r="I16" s="52"/>
      <c r="J16" s="52"/>
    </row>
    <row r="17" spans="1:10" s="51" customFormat="1" ht="18" customHeight="1" x14ac:dyDescent="0.25">
      <c r="A17" s="28" t="s">
        <v>302</v>
      </c>
      <c r="B17" s="29" t="s">
        <v>227</v>
      </c>
      <c r="C17" s="31">
        <v>1</v>
      </c>
      <c r="D17" s="31">
        <v>270</v>
      </c>
      <c r="E17" s="31" t="s">
        <v>287</v>
      </c>
      <c r="F17" s="32">
        <v>1</v>
      </c>
      <c r="H17" s="52"/>
      <c r="I17" s="52"/>
      <c r="J17" s="52"/>
    </row>
    <row r="18" spans="1:10" s="51" customFormat="1" ht="18" customHeight="1" x14ac:dyDescent="0.25">
      <c r="A18" s="28" t="s">
        <v>303</v>
      </c>
      <c r="B18" s="29" t="s">
        <v>226</v>
      </c>
      <c r="C18" s="31">
        <v>1</v>
      </c>
      <c r="D18" s="31">
        <v>4</v>
      </c>
      <c r="E18" s="31" t="s">
        <v>287</v>
      </c>
      <c r="F18" s="32">
        <v>0</v>
      </c>
      <c r="H18" s="52"/>
      <c r="I18" s="52"/>
      <c r="J18" s="52"/>
    </row>
    <row r="19" spans="1:10" s="51" customFormat="1" ht="18" customHeight="1" x14ac:dyDescent="0.25">
      <c r="A19" s="28" t="s">
        <v>304</v>
      </c>
      <c r="B19" s="29" t="s">
        <v>225</v>
      </c>
      <c r="C19" s="31">
        <v>2</v>
      </c>
      <c r="D19" s="31">
        <v>13</v>
      </c>
      <c r="E19" s="31" t="s">
        <v>287</v>
      </c>
      <c r="F19" s="32">
        <v>0</v>
      </c>
      <c r="H19" s="52"/>
      <c r="I19" s="52"/>
      <c r="J19" s="52"/>
    </row>
    <row r="20" spans="1:10" s="51" customFormat="1" ht="18" customHeight="1" x14ac:dyDescent="0.25">
      <c r="A20" s="28" t="s">
        <v>305</v>
      </c>
      <c r="B20" s="29" t="s">
        <v>224</v>
      </c>
      <c r="C20" s="31">
        <v>1</v>
      </c>
      <c r="D20" s="31">
        <v>12</v>
      </c>
      <c r="E20" s="31" t="s">
        <v>287</v>
      </c>
      <c r="F20" s="32">
        <v>0</v>
      </c>
      <c r="H20" s="52"/>
      <c r="I20" s="52"/>
      <c r="J20" s="52"/>
    </row>
    <row r="21" spans="1:10" s="51" customFormat="1" ht="18" customHeight="1" x14ac:dyDescent="0.25">
      <c r="A21" s="28" t="s">
        <v>306</v>
      </c>
      <c r="B21" s="29" t="s">
        <v>223</v>
      </c>
      <c r="C21" s="31">
        <v>1</v>
      </c>
      <c r="D21" s="31">
        <v>6</v>
      </c>
      <c r="E21" s="31" t="s">
        <v>287</v>
      </c>
      <c r="F21" s="32">
        <v>0</v>
      </c>
      <c r="H21" s="52"/>
      <c r="I21" s="52"/>
      <c r="J21" s="52"/>
    </row>
    <row r="22" spans="1:10" s="51" customFormat="1" ht="18" customHeight="1" x14ac:dyDescent="0.25">
      <c r="A22" s="28" t="s">
        <v>307</v>
      </c>
      <c r="B22" s="29" t="s">
        <v>222</v>
      </c>
      <c r="C22" s="31">
        <v>8</v>
      </c>
      <c r="D22" s="31">
        <v>496</v>
      </c>
      <c r="E22" s="31">
        <v>1389861</v>
      </c>
      <c r="F22" s="32">
        <v>6</v>
      </c>
      <c r="H22" s="52"/>
      <c r="I22" s="52"/>
      <c r="J22" s="52"/>
    </row>
    <row r="23" spans="1:10" s="51" customFormat="1" ht="18" customHeight="1" x14ac:dyDescent="0.25">
      <c r="A23" s="28" t="s">
        <v>308</v>
      </c>
      <c r="B23" s="29" t="s">
        <v>221</v>
      </c>
      <c r="C23" s="31">
        <v>6</v>
      </c>
      <c r="D23" s="31">
        <v>68</v>
      </c>
      <c r="E23" s="31">
        <v>79640</v>
      </c>
      <c r="F23" s="32">
        <v>0</v>
      </c>
      <c r="H23" s="52"/>
      <c r="I23" s="52"/>
      <c r="J23" s="52"/>
    </row>
    <row r="24" spans="1:10" s="51" customFormat="1" ht="18" customHeight="1" x14ac:dyDescent="0.25">
      <c r="A24" s="28" t="s">
        <v>309</v>
      </c>
      <c r="B24" s="29" t="s">
        <v>220</v>
      </c>
      <c r="C24" s="31">
        <v>7</v>
      </c>
      <c r="D24" s="31">
        <v>390</v>
      </c>
      <c r="E24" s="31">
        <v>570403</v>
      </c>
      <c r="F24" s="32">
        <v>4</v>
      </c>
      <c r="H24" s="52"/>
      <c r="I24" s="52"/>
      <c r="J24" s="52"/>
    </row>
    <row r="25" spans="1:10" s="51" customFormat="1" ht="18" customHeight="1" x14ac:dyDescent="0.25">
      <c r="A25" s="28" t="s">
        <v>310</v>
      </c>
      <c r="B25" s="29" t="s">
        <v>219</v>
      </c>
      <c r="C25" s="31">
        <v>24</v>
      </c>
      <c r="D25" s="31">
        <v>931</v>
      </c>
      <c r="E25" s="31">
        <v>1878906</v>
      </c>
      <c r="F25" s="32">
        <v>6</v>
      </c>
      <c r="H25" s="52"/>
      <c r="I25" s="52"/>
      <c r="J25" s="52"/>
    </row>
    <row r="26" spans="1:10" s="51" customFormat="1" ht="18" customHeight="1" x14ac:dyDescent="0.25">
      <c r="A26" s="28" t="s">
        <v>311</v>
      </c>
      <c r="B26" s="29" t="s">
        <v>218</v>
      </c>
      <c r="C26" s="31">
        <v>3</v>
      </c>
      <c r="D26" s="31">
        <v>218</v>
      </c>
      <c r="E26" s="31">
        <v>916295</v>
      </c>
      <c r="F26" s="32">
        <v>1</v>
      </c>
      <c r="H26" s="52"/>
      <c r="I26" s="52"/>
      <c r="J26" s="52"/>
    </row>
    <row r="27" spans="1:10" s="51" customFormat="1" ht="18" customHeight="1" x14ac:dyDescent="0.25">
      <c r="A27" s="28" t="s">
        <v>312</v>
      </c>
      <c r="B27" s="29" t="s">
        <v>217</v>
      </c>
      <c r="C27" s="31">
        <v>1</v>
      </c>
      <c r="D27" s="31">
        <v>13</v>
      </c>
      <c r="E27" s="31" t="s">
        <v>287</v>
      </c>
      <c r="F27" s="32">
        <v>0</v>
      </c>
      <c r="H27" s="52"/>
      <c r="I27" s="52"/>
      <c r="J27" s="52"/>
    </row>
    <row r="28" spans="1:10" s="51" customFormat="1" ht="18" customHeight="1" x14ac:dyDescent="0.25">
      <c r="A28" s="28" t="s">
        <v>313</v>
      </c>
      <c r="B28" s="29" t="s">
        <v>216</v>
      </c>
      <c r="C28" s="31">
        <v>5</v>
      </c>
      <c r="D28" s="31">
        <v>65</v>
      </c>
      <c r="E28" s="31">
        <v>112496</v>
      </c>
      <c r="F28" s="32">
        <v>0</v>
      </c>
      <c r="H28" s="52"/>
      <c r="I28" s="52"/>
      <c r="J28" s="52"/>
    </row>
    <row r="29" spans="1:10" s="51" customFormat="1" ht="18" customHeight="1" x14ac:dyDescent="0.25">
      <c r="A29" s="28" t="s">
        <v>314</v>
      </c>
      <c r="B29" s="29" t="s">
        <v>215</v>
      </c>
      <c r="C29" s="31">
        <v>1</v>
      </c>
      <c r="D29" s="31">
        <v>23</v>
      </c>
      <c r="E29" s="31" t="s">
        <v>287</v>
      </c>
      <c r="F29" s="32">
        <v>0</v>
      </c>
      <c r="H29" s="52"/>
      <c r="I29" s="52"/>
      <c r="J29" s="52"/>
    </row>
    <row r="30" spans="1:10" s="51" customFormat="1" ht="18" customHeight="1" x14ac:dyDescent="0.25">
      <c r="A30" s="28" t="s">
        <v>315</v>
      </c>
      <c r="B30" s="29" t="s">
        <v>214</v>
      </c>
      <c r="C30" s="31">
        <v>1</v>
      </c>
      <c r="D30" s="31">
        <v>59</v>
      </c>
      <c r="E30" s="31" t="s">
        <v>287</v>
      </c>
      <c r="F30" s="32">
        <v>1</v>
      </c>
      <c r="H30" s="52"/>
      <c r="I30" s="52"/>
      <c r="J30" s="52"/>
    </row>
    <row r="31" spans="1:10" s="51" customFormat="1" ht="18" customHeight="1" x14ac:dyDescent="0.25">
      <c r="A31" s="28" t="s">
        <v>316</v>
      </c>
      <c r="B31" s="29" t="s">
        <v>213</v>
      </c>
      <c r="C31" s="31">
        <v>1</v>
      </c>
      <c r="D31" s="31">
        <v>4</v>
      </c>
      <c r="E31" s="31" t="s">
        <v>287</v>
      </c>
      <c r="F31" s="32">
        <v>0</v>
      </c>
      <c r="H31" s="52"/>
      <c r="I31" s="52"/>
      <c r="J31" s="52"/>
    </row>
    <row r="32" spans="1:10" s="51" customFormat="1" ht="18" customHeight="1" x14ac:dyDescent="0.25">
      <c r="A32" s="28" t="s">
        <v>317</v>
      </c>
      <c r="B32" s="29" t="s">
        <v>212</v>
      </c>
      <c r="C32" s="31">
        <v>1</v>
      </c>
      <c r="D32" s="31">
        <v>78</v>
      </c>
      <c r="E32" s="31" t="s">
        <v>287</v>
      </c>
      <c r="F32" s="32">
        <v>1</v>
      </c>
      <c r="H32" s="52"/>
      <c r="I32" s="52"/>
      <c r="J32" s="52"/>
    </row>
    <row r="33" spans="1:10" s="51" customFormat="1" ht="18" customHeight="1" x14ac:dyDescent="0.25">
      <c r="A33" s="28" t="s">
        <v>318</v>
      </c>
      <c r="B33" s="29" t="s">
        <v>211</v>
      </c>
      <c r="C33" s="31">
        <v>1</v>
      </c>
      <c r="D33" s="31">
        <v>37</v>
      </c>
      <c r="E33" s="31" t="s">
        <v>287</v>
      </c>
      <c r="F33" s="32">
        <v>1</v>
      </c>
      <c r="H33" s="52"/>
      <c r="I33" s="52"/>
      <c r="J33" s="52"/>
    </row>
    <row r="34" spans="1:10" s="51" customFormat="1" ht="18" customHeight="1" x14ac:dyDescent="0.25">
      <c r="A34" s="28" t="s">
        <v>319</v>
      </c>
      <c r="B34" s="29" t="s">
        <v>210</v>
      </c>
      <c r="C34" s="31">
        <v>1</v>
      </c>
      <c r="D34" s="31">
        <v>71</v>
      </c>
      <c r="E34" s="31" t="s">
        <v>287</v>
      </c>
      <c r="F34" s="32">
        <v>1</v>
      </c>
      <c r="H34" s="52"/>
      <c r="I34" s="52"/>
      <c r="J34" s="52"/>
    </row>
    <row r="35" spans="1:10" s="51" customFormat="1" ht="18" customHeight="1" x14ac:dyDescent="0.25">
      <c r="A35" s="28" t="s">
        <v>320</v>
      </c>
      <c r="B35" s="29" t="s">
        <v>209</v>
      </c>
      <c r="C35" s="31">
        <v>2</v>
      </c>
      <c r="D35" s="31">
        <v>31</v>
      </c>
      <c r="E35" s="31" t="s">
        <v>287</v>
      </c>
      <c r="F35" s="32">
        <v>0</v>
      </c>
      <c r="H35" s="52"/>
      <c r="I35" s="52"/>
      <c r="J35" s="52"/>
    </row>
    <row r="36" spans="1:10" s="51" customFormat="1" ht="18" customHeight="1" x14ac:dyDescent="0.25">
      <c r="A36" s="28" t="s">
        <v>321</v>
      </c>
      <c r="B36" s="29" t="s">
        <v>208</v>
      </c>
      <c r="C36" s="31">
        <v>1</v>
      </c>
      <c r="D36" s="31">
        <v>21</v>
      </c>
      <c r="E36" s="31" t="s">
        <v>287</v>
      </c>
      <c r="F36" s="32">
        <v>0</v>
      </c>
      <c r="H36" s="52"/>
      <c r="I36" s="52"/>
      <c r="J36" s="52"/>
    </row>
    <row r="37" spans="1:10" s="51" customFormat="1" ht="18" customHeight="1" x14ac:dyDescent="0.25">
      <c r="A37" s="28" t="s">
        <v>322</v>
      </c>
      <c r="B37" s="29" t="s">
        <v>258</v>
      </c>
      <c r="C37" s="31">
        <v>1</v>
      </c>
      <c r="D37" s="31">
        <v>9</v>
      </c>
      <c r="E37" s="31" t="s">
        <v>287</v>
      </c>
      <c r="F37" s="32">
        <v>0</v>
      </c>
      <c r="H37" s="52"/>
      <c r="I37" s="52"/>
      <c r="J37" s="52"/>
    </row>
    <row r="38" spans="1:10" s="51" customFormat="1" ht="18" customHeight="1" x14ac:dyDescent="0.25">
      <c r="A38" s="28" t="s">
        <v>323</v>
      </c>
      <c r="B38" s="29" t="s">
        <v>207</v>
      </c>
      <c r="C38" s="31">
        <v>2</v>
      </c>
      <c r="D38" s="31">
        <v>20</v>
      </c>
      <c r="E38" s="31" t="s">
        <v>287</v>
      </c>
      <c r="F38" s="32">
        <v>0</v>
      </c>
      <c r="H38" s="52"/>
      <c r="I38" s="52"/>
      <c r="J38" s="52"/>
    </row>
    <row r="39" spans="1:10" s="51" customFormat="1" ht="18" customHeight="1" x14ac:dyDescent="0.25">
      <c r="A39" s="28" t="s">
        <v>324</v>
      </c>
      <c r="B39" s="29" t="s">
        <v>206</v>
      </c>
      <c r="C39" s="31">
        <v>2</v>
      </c>
      <c r="D39" s="31">
        <v>15</v>
      </c>
      <c r="E39" s="31" t="s">
        <v>287</v>
      </c>
      <c r="F39" s="32">
        <v>0</v>
      </c>
      <c r="H39" s="52"/>
      <c r="I39" s="52"/>
      <c r="J39" s="52"/>
    </row>
    <row r="40" spans="1:10" s="51" customFormat="1" ht="18" customHeight="1" x14ac:dyDescent="0.25">
      <c r="A40" s="28" t="s">
        <v>325</v>
      </c>
      <c r="B40" s="29" t="s">
        <v>205</v>
      </c>
      <c r="C40" s="31">
        <v>2</v>
      </c>
      <c r="D40" s="31">
        <v>46</v>
      </c>
      <c r="E40" s="31" t="s">
        <v>287</v>
      </c>
      <c r="F40" s="32">
        <v>1</v>
      </c>
      <c r="H40" s="52"/>
      <c r="I40" s="52"/>
      <c r="J40" s="52"/>
    </row>
    <row r="41" spans="1:10" s="51" customFormat="1" ht="18" customHeight="1" x14ac:dyDescent="0.25">
      <c r="A41" s="28" t="s">
        <v>326</v>
      </c>
      <c r="B41" s="29" t="s">
        <v>204</v>
      </c>
      <c r="C41" s="31">
        <v>3</v>
      </c>
      <c r="D41" s="31">
        <v>34</v>
      </c>
      <c r="E41" s="31">
        <v>26189</v>
      </c>
      <c r="F41" s="32">
        <v>0</v>
      </c>
      <c r="H41" s="52"/>
      <c r="I41" s="52"/>
      <c r="J41" s="52"/>
    </row>
    <row r="42" spans="1:10" s="51" customFormat="1" ht="18" customHeight="1" x14ac:dyDescent="0.25">
      <c r="A42" s="28" t="s">
        <v>327</v>
      </c>
      <c r="B42" s="29" t="s">
        <v>203</v>
      </c>
      <c r="C42" s="31">
        <v>2</v>
      </c>
      <c r="D42" s="31">
        <v>12</v>
      </c>
      <c r="E42" s="31" t="s">
        <v>287</v>
      </c>
      <c r="F42" s="32">
        <v>0</v>
      </c>
      <c r="H42" s="52"/>
      <c r="I42" s="52"/>
      <c r="J42" s="52"/>
    </row>
    <row r="43" spans="1:10" s="51" customFormat="1" ht="18" customHeight="1" x14ac:dyDescent="0.25">
      <c r="A43" s="28" t="s">
        <v>328</v>
      </c>
      <c r="B43" s="29" t="s">
        <v>202</v>
      </c>
      <c r="C43" s="31">
        <v>1</v>
      </c>
      <c r="D43" s="31">
        <v>14</v>
      </c>
      <c r="E43" s="31" t="s">
        <v>287</v>
      </c>
      <c r="F43" s="32">
        <v>0</v>
      </c>
      <c r="H43" s="52"/>
      <c r="I43" s="52"/>
      <c r="J43" s="52"/>
    </row>
    <row r="44" spans="1:10" s="51" customFormat="1" ht="18" customHeight="1" x14ac:dyDescent="0.25">
      <c r="A44" s="28" t="s">
        <v>329</v>
      </c>
      <c r="B44" s="29" t="s">
        <v>201</v>
      </c>
      <c r="C44" s="31">
        <v>5</v>
      </c>
      <c r="D44" s="31">
        <v>69</v>
      </c>
      <c r="E44" s="31">
        <v>163700</v>
      </c>
      <c r="F44" s="32">
        <v>0</v>
      </c>
      <c r="H44" s="52"/>
      <c r="I44" s="52"/>
      <c r="J44" s="52"/>
    </row>
    <row r="45" spans="1:10" s="51" customFormat="1" ht="18" customHeight="1" x14ac:dyDescent="0.25">
      <c r="A45" s="28" t="s">
        <v>330</v>
      </c>
      <c r="B45" s="29" t="s">
        <v>259</v>
      </c>
      <c r="C45" s="31">
        <v>2</v>
      </c>
      <c r="D45" s="31">
        <v>26</v>
      </c>
      <c r="E45" s="31" t="s">
        <v>287</v>
      </c>
      <c r="F45" s="32">
        <v>0</v>
      </c>
      <c r="H45" s="52"/>
      <c r="I45" s="52"/>
      <c r="J45" s="52"/>
    </row>
    <row r="46" spans="1:10" s="51" customFormat="1" ht="18" customHeight="1" x14ac:dyDescent="0.25">
      <c r="A46" s="28" t="s">
        <v>331</v>
      </c>
      <c r="B46" s="29" t="s">
        <v>200</v>
      </c>
      <c r="C46" s="31">
        <v>3</v>
      </c>
      <c r="D46" s="31">
        <v>90</v>
      </c>
      <c r="E46" s="31">
        <v>314336</v>
      </c>
      <c r="F46" s="32">
        <v>2</v>
      </c>
      <c r="H46" s="52"/>
      <c r="I46" s="52"/>
      <c r="J46" s="52"/>
    </row>
    <row r="47" spans="1:10" s="51" customFormat="1" ht="18" customHeight="1" x14ac:dyDescent="0.25">
      <c r="A47" s="28" t="s">
        <v>332</v>
      </c>
      <c r="B47" s="29" t="s">
        <v>260</v>
      </c>
      <c r="C47" s="31">
        <v>1</v>
      </c>
      <c r="D47" s="31">
        <v>4</v>
      </c>
      <c r="E47" s="31" t="s">
        <v>287</v>
      </c>
      <c r="F47" s="32">
        <v>0</v>
      </c>
      <c r="H47" s="52"/>
      <c r="I47" s="52"/>
      <c r="J47" s="52"/>
    </row>
    <row r="48" spans="1:10" s="51" customFormat="1" ht="18" customHeight="1" x14ac:dyDescent="0.25">
      <c r="A48" s="28" t="s">
        <v>333</v>
      </c>
      <c r="B48" s="29" t="s">
        <v>199</v>
      </c>
      <c r="C48" s="31">
        <v>1</v>
      </c>
      <c r="D48" s="31">
        <v>30</v>
      </c>
      <c r="E48" s="31" t="s">
        <v>287</v>
      </c>
      <c r="F48" s="32">
        <v>1</v>
      </c>
      <c r="H48" s="52"/>
      <c r="I48" s="52"/>
      <c r="J48" s="52"/>
    </row>
    <row r="49" spans="1:10" s="51" customFormat="1" ht="18" customHeight="1" x14ac:dyDescent="0.25">
      <c r="A49" s="28" t="s">
        <v>334</v>
      </c>
      <c r="B49" s="29" t="s">
        <v>261</v>
      </c>
      <c r="C49" s="31">
        <v>1</v>
      </c>
      <c r="D49" s="31">
        <v>4</v>
      </c>
      <c r="E49" s="31" t="s">
        <v>287</v>
      </c>
      <c r="F49" s="32">
        <v>0</v>
      </c>
      <c r="H49" s="52"/>
      <c r="I49" s="52"/>
      <c r="J49" s="52"/>
    </row>
    <row r="50" spans="1:10" s="51" customFormat="1" ht="18" customHeight="1" x14ac:dyDescent="0.25">
      <c r="A50" s="28" t="s">
        <v>335</v>
      </c>
      <c r="B50" s="29" t="s">
        <v>198</v>
      </c>
      <c r="C50" s="31">
        <v>8</v>
      </c>
      <c r="D50" s="31">
        <v>103</v>
      </c>
      <c r="E50" s="31">
        <v>144660</v>
      </c>
      <c r="F50" s="32">
        <v>1</v>
      </c>
      <c r="H50" s="52"/>
      <c r="I50" s="52"/>
      <c r="J50" s="52"/>
    </row>
    <row r="51" spans="1:10" s="51" customFormat="1" ht="18" customHeight="1" x14ac:dyDescent="0.25">
      <c r="A51" s="28" t="s">
        <v>336</v>
      </c>
      <c r="B51" s="29" t="s">
        <v>197</v>
      </c>
      <c r="C51" s="31">
        <v>5</v>
      </c>
      <c r="D51" s="31">
        <v>83</v>
      </c>
      <c r="E51" s="31">
        <v>85456</v>
      </c>
      <c r="F51" s="32">
        <v>1</v>
      </c>
      <c r="H51" s="52"/>
      <c r="I51" s="52"/>
      <c r="J51" s="52"/>
    </row>
    <row r="52" spans="1:10" s="51" customFormat="1" ht="18" customHeight="1" x14ac:dyDescent="0.25">
      <c r="A52" s="28" t="s">
        <v>337</v>
      </c>
      <c r="B52" s="29" t="s">
        <v>196</v>
      </c>
      <c r="C52" s="31">
        <v>1</v>
      </c>
      <c r="D52" s="31">
        <v>5</v>
      </c>
      <c r="E52" s="31" t="s">
        <v>287</v>
      </c>
      <c r="F52" s="32">
        <v>0</v>
      </c>
      <c r="H52" s="52"/>
      <c r="I52" s="52"/>
      <c r="J52" s="52"/>
    </row>
    <row r="53" spans="1:10" s="51" customFormat="1" ht="18" customHeight="1" x14ac:dyDescent="0.25">
      <c r="A53" s="28" t="s">
        <v>338</v>
      </c>
      <c r="B53" s="29" t="s">
        <v>195</v>
      </c>
      <c r="C53" s="31">
        <v>1</v>
      </c>
      <c r="D53" s="31">
        <v>131</v>
      </c>
      <c r="E53" s="31" t="s">
        <v>287</v>
      </c>
      <c r="F53" s="32">
        <v>1</v>
      </c>
      <c r="H53" s="52"/>
      <c r="I53" s="52"/>
      <c r="J53" s="52"/>
    </row>
    <row r="54" spans="1:10" s="51" customFormat="1" ht="18" customHeight="1" x14ac:dyDescent="0.25">
      <c r="A54" s="28" t="s">
        <v>339</v>
      </c>
      <c r="B54" s="29" t="s">
        <v>194</v>
      </c>
      <c r="C54" s="31">
        <v>1</v>
      </c>
      <c r="D54" s="31">
        <v>29</v>
      </c>
      <c r="E54" s="31" t="s">
        <v>287</v>
      </c>
      <c r="F54" s="32">
        <v>0</v>
      </c>
      <c r="H54" s="52"/>
      <c r="I54" s="52"/>
      <c r="J54" s="52"/>
    </row>
    <row r="55" spans="1:10" s="51" customFormat="1" ht="18" customHeight="1" x14ac:dyDescent="0.25">
      <c r="A55" s="28" t="s">
        <v>340</v>
      </c>
      <c r="B55" s="29" t="s">
        <v>193</v>
      </c>
      <c r="C55" s="31">
        <v>1</v>
      </c>
      <c r="D55" s="31">
        <v>21</v>
      </c>
      <c r="E55" s="31" t="s">
        <v>287</v>
      </c>
      <c r="F55" s="32">
        <v>0</v>
      </c>
      <c r="H55" s="52"/>
      <c r="I55" s="52"/>
      <c r="J55" s="52"/>
    </row>
    <row r="56" spans="1:10" s="51" customFormat="1" ht="18" customHeight="1" x14ac:dyDescent="0.25">
      <c r="A56" s="28" t="s">
        <v>341</v>
      </c>
      <c r="B56" s="29" t="s">
        <v>192</v>
      </c>
      <c r="C56" s="31">
        <v>1</v>
      </c>
      <c r="D56" s="31">
        <v>32</v>
      </c>
      <c r="E56" s="31" t="s">
        <v>287</v>
      </c>
      <c r="F56" s="32">
        <v>1</v>
      </c>
      <c r="H56" s="52"/>
      <c r="I56" s="52"/>
      <c r="J56" s="52"/>
    </row>
    <row r="57" spans="1:10" s="51" customFormat="1" ht="18" customHeight="1" x14ac:dyDescent="0.25">
      <c r="A57" s="28" t="s">
        <v>342</v>
      </c>
      <c r="B57" s="29" t="s">
        <v>191</v>
      </c>
      <c r="C57" s="31">
        <v>2</v>
      </c>
      <c r="D57" s="31">
        <v>127</v>
      </c>
      <c r="E57" s="31" t="s">
        <v>287</v>
      </c>
      <c r="F57" s="32">
        <v>2</v>
      </c>
      <c r="H57" s="52"/>
      <c r="I57" s="52"/>
      <c r="J57" s="52"/>
    </row>
    <row r="58" spans="1:10" s="51" customFormat="1" ht="18" customHeight="1" x14ac:dyDescent="0.25">
      <c r="A58" s="28" t="s">
        <v>343</v>
      </c>
      <c r="B58" s="29" t="s">
        <v>190</v>
      </c>
      <c r="C58" s="31">
        <v>2</v>
      </c>
      <c r="D58" s="31">
        <v>212</v>
      </c>
      <c r="E58" s="31" t="s">
        <v>287</v>
      </c>
      <c r="F58" s="32">
        <v>2</v>
      </c>
      <c r="H58" s="52"/>
      <c r="I58" s="52"/>
      <c r="J58" s="52"/>
    </row>
    <row r="59" spans="1:10" s="51" customFormat="1" ht="18" customHeight="1" x14ac:dyDescent="0.25">
      <c r="A59" s="28" t="s">
        <v>344</v>
      </c>
      <c r="B59" s="29" t="s">
        <v>189</v>
      </c>
      <c r="C59" s="31">
        <v>8</v>
      </c>
      <c r="D59" s="31">
        <v>1120</v>
      </c>
      <c r="E59" s="31">
        <v>3545724</v>
      </c>
      <c r="F59" s="32">
        <v>6</v>
      </c>
      <c r="H59" s="52"/>
      <c r="I59" s="52"/>
      <c r="J59" s="52"/>
    </row>
    <row r="60" spans="1:10" s="51" customFormat="1" ht="18" customHeight="1" x14ac:dyDescent="0.25">
      <c r="A60" s="28" t="s">
        <v>345</v>
      </c>
      <c r="B60" s="29" t="s">
        <v>188</v>
      </c>
      <c r="C60" s="31">
        <v>2</v>
      </c>
      <c r="D60" s="31">
        <v>16</v>
      </c>
      <c r="E60" s="31" t="s">
        <v>287</v>
      </c>
      <c r="F60" s="32">
        <v>0</v>
      </c>
      <c r="H60" s="52"/>
      <c r="I60" s="52"/>
      <c r="J60" s="52"/>
    </row>
    <row r="61" spans="1:10" s="51" customFormat="1" ht="18" customHeight="1" x14ac:dyDescent="0.25">
      <c r="A61" s="28" t="s">
        <v>346</v>
      </c>
      <c r="B61" s="29" t="s">
        <v>187</v>
      </c>
      <c r="C61" s="31">
        <v>30</v>
      </c>
      <c r="D61" s="31">
        <v>1098</v>
      </c>
      <c r="E61" s="31">
        <v>1324462</v>
      </c>
      <c r="F61" s="32">
        <v>9</v>
      </c>
      <c r="H61" s="52"/>
      <c r="I61" s="52"/>
      <c r="J61" s="52"/>
    </row>
    <row r="62" spans="1:10" s="51" customFormat="1" ht="18" customHeight="1" x14ac:dyDescent="0.25">
      <c r="A62" s="28" t="s">
        <v>347</v>
      </c>
      <c r="B62" s="29" t="s">
        <v>262</v>
      </c>
      <c r="C62" s="31">
        <v>3</v>
      </c>
      <c r="D62" s="31">
        <v>20</v>
      </c>
      <c r="E62" s="31">
        <v>21199</v>
      </c>
      <c r="F62" s="32">
        <v>0</v>
      </c>
      <c r="H62" s="52"/>
      <c r="I62" s="52"/>
      <c r="J62" s="52"/>
    </row>
    <row r="63" spans="1:10" s="51" customFormat="1" ht="18" customHeight="1" x14ac:dyDescent="0.25">
      <c r="A63" s="28" t="s">
        <v>348</v>
      </c>
      <c r="B63" s="29" t="s">
        <v>186</v>
      </c>
      <c r="C63" s="31">
        <v>7</v>
      </c>
      <c r="D63" s="31">
        <v>206</v>
      </c>
      <c r="E63" s="31">
        <v>843113</v>
      </c>
      <c r="F63" s="32">
        <v>2</v>
      </c>
      <c r="H63" s="52"/>
      <c r="I63" s="52"/>
      <c r="J63" s="52"/>
    </row>
    <row r="64" spans="1:10" s="51" customFormat="1" ht="18" customHeight="1" x14ac:dyDescent="0.25">
      <c r="A64" s="28" t="s">
        <v>349</v>
      </c>
      <c r="B64" s="29" t="s">
        <v>185</v>
      </c>
      <c r="C64" s="31">
        <v>2</v>
      </c>
      <c r="D64" s="31">
        <v>42</v>
      </c>
      <c r="E64" s="31" t="s">
        <v>287</v>
      </c>
      <c r="F64" s="32">
        <v>0</v>
      </c>
      <c r="H64" s="52"/>
      <c r="I64" s="52"/>
      <c r="J64" s="52"/>
    </row>
    <row r="65" spans="1:10" s="51" customFormat="1" ht="18" customHeight="1" x14ac:dyDescent="0.25">
      <c r="A65" s="28" t="s">
        <v>350</v>
      </c>
      <c r="B65" s="29" t="s">
        <v>184</v>
      </c>
      <c r="C65" s="31">
        <v>3</v>
      </c>
      <c r="D65" s="31">
        <v>96</v>
      </c>
      <c r="E65" s="31">
        <v>34339</v>
      </c>
      <c r="F65" s="32">
        <v>1</v>
      </c>
      <c r="H65" s="52"/>
      <c r="I65" s="52"/>
      <c r="J65" s="52"/>
    </row>
    <row r="66" spans="1:10" s="51" customFormat="1" ht="18" customHeight="1" x14ac:dyDescent="0.25">
      <c r="A66" s="28" t="s">
        <v>351</v>
      </c>
      <c r="B66" s="29" t="s">
        <v>183</v>
      </c>
      <c r="C66" s="31">
        <v>2</v>
      </c>
      <c r="D66" s="31">
        <v>56</v>
      </c>
      <c r="E66" s="31" t="s">
        <v>287</v>
      </c>
      <c r="F66" s="32">
        <v>1</v>
      </c>
      <c r="H66" s="52"/>
      <c r="I66" s="52"/>
      <c r="J66" s="52"/>
    </row>
    <row r="67" spans="1:10" s="51" customFormat="1" ht="18" customHeight="1" x14ac:dyDescent="0.25">
      <c r="A67" s="28" t="s">
        <v>352</v>
      </c>
      <c r="B67" s="29" t="s">
        <v>182</v>
      </c>
      <c r="C67" s="31">
        <v>1</v>
      </c>
      <c r="D67" s="31">
        <v>152</v>
      </c>
      <c r="E67" s="31" t="s">
        <v>287</v>
      </c>
      <c r="F67" s="32">
        <v>1</v>
      </c>
      <c r="H67" s="52"/>
      <c r="I67" s="52"/>
      <c r="J67" s="52"/>
    </row>
    <row r="68" spans="1:10" s="51" customFormat="1" ht="18" customHeight="1" x14ac:dyDescent="0.25">
      <c r="A68" s="28" t="s">
        <v>353</v>
      </c>
      <c r="B68" s="29" t="s">
        <v>181</v>
      </c>
      <c r="C68" s="31">
        <v>1</v>
      </c>
      <c r="D68" s="31">
        <v>7</v>
      </c>
      <c r="E68" s="31" t="s">
        <v>287</v>
      </c>
      <c r="F68" s="32">
        <v>0</v>
      </c>
      <c r="H68" s="52"/>
      <c r="I68" s="52"/>
      <c r="J68" s="52"/>
    </row>
    <row r="69" spans="1:10" s="51" customFormat="1" ht="18" customHeight="1" x14ac:dyDescent="0.25">
      <c r="A69" s="28" t="s">
        <v>354</v>
      </c>
      <c r="B69" s="29" t="s">
        <v>180</v>
      </c>
      <c r="C69" s="31">
        <v>5</v>
      </c>
      <c r="D69" s="31">
        <v>310</v>
      </c>
      <c r="E69" s="31">
        <v>1010721</v>
      </c>
      <c r="F69" s="32">
        <v>3</v>
      </c>
      <c r="H69" s="52"/>
      <c r="I69" s="52"/>
      <c r="J69" s="52"/>
    </row>
    <row r="70" spans="1:10" s="51" customFormat="1" ht="18" customHeight="1" x14ac:dyDescent="0.25">
      <c r="A70" s="28" t="s">
        <v>355</v>
      </c>
      <c r="B70" s="29" t="s">
        <v>179</v>
      </c>
      <c r="C70" s="31">
        <v>1</v>
      </c>
      <c r="D70" s="31">
        <v>481</v>
      </c>
      <c r="E70" s="31" t="s">
        <v>287</v>
      </c>
      <c r="F70" s="32">
        <v>1</v>
      </c>
      <c r="H70" s="52"/>
      <c r="I70" s="52"/>
      <c r="J70" s="52"/>
    </row>
    <row r="71" spans="1:10" s="51" customFormat="1" ht="18" customHeight="1" x14ac:dyDescent="0.25">
      <c r="A71" s="28" t="s">
        <v>356</v>
      </c>
      <c r="B71" s="29" t="s">
        <v>178</v>
      </c>
      <c r="C71" s="31">
        <v>1</v>
      </c>
      <c r="D71" s="31">
        <v>494</v>
      </c>
      <c r="E71" s="31" t="s">
        <v>287</v>
      </c>
      <c r="F71" s="32">
        <v>1</v>
      </c>
      <c r="H71" s="52"/>
      <c r="I71" s="52"/>
      <c r="J71" s="52"/>
    </row>
    <row r="72" spans="1:10" s="51" customFormat="1" ht="18" customHeight="1" x14ac:dyDescent="0.25">
      <c r="A72" s="28" t="s">
        <v>357</v>
      </c>
      <c r="B72" s="29" t="s">
        <v>263</v>
      </c>
      <c r="C72" s="31">
        <v>1</v>
      </c>
      <c r="D72" s="31">
        <v>12</v>
      </c>
      <c r="E72" s="31" t="s">
        <v>287</v>
      </c>
      <c r="F72" s="32">
        <v>0</v>
      </c>
      <c r="H72" s="52"/>
      <c r="I72" s="52"/>
      <c r="J72" s="52"/>
    </row>
    <row r="73" spans="1:10" s="51" customFormat="1" ht="18" customHeight="1" x14ac:dyDescent="0.25">
      <c r="A73" s="28" t="s">
        <v>358</v>
      </c>
      <c r="B73" s="29" t="s">
        <v>177</v>
      </c>
      <c r="C73" s="31">
        <v>7</v>
      </c>
      <c r="D73" s="31">
        <v>847</v>
      </c>
      <c r="E73" s="31">
        <v>3686519</v>
      </c>
      <c r="F73" s="32">
        <v>6</v>
      </c>
      <c r="H73" s="52"/>
      <c r="I73" s="52"/>
      <c r="J73" s="52"/>
    </row>
    <row r="74" spans="1:10" s="51" customFormat="1" ht="18" customHeight="1" x14ac:dyDescent="0.25">
      <c r="A74" s="28" t="s">
        <v>359</v>
      </c>
      <c r="B74" s="29" t="s">
        <v>176</v>
      </c>
      <c r="C74" s="31">
        <v>29</v>
      </c>
      <c r="D74" s="31">
        <v>6402</v>
      </c>
      <c r="E74" s="31">
        <v>29193437</v>
      </c>
      <c r="F74" s="32">
        <v>26</v>
      </c>
      <c r="H74" s="52"/>
      <c r="I74" s="52"/>
      <c r="J74" s="52"/>
    </row>
    <row r="75" spans="1:10" s="51" customFormat="1" ht="18" customHeight="1" x14ac:dyDescent="0.25">
      <c r="A75" s="28" t="s">
        <v>360</v>
      </c>
      <c r="B75" s="29" t="s">
        <v>175</v>
      </c>
      <c r="C75" s="31">
        <v>3</v>
      </c>
      <c r="D75" s="31">
        <v>38</v>
      </c>
      <c r="E75" s="31">
        <v>56369</v>
      </c>
      <c r="F75" s="32">
        <v>0</v>
      </c>
      <c r="H75" s="52"/>
      <c r="I75" s="52"/>
      <c r="J75" s="52"/>
    </row>
    <row r="76" spans="1:10" s="51" customFormat="1" ht="18" customHeight="1" x14ac:dyDescent="0.25">
      <c r="A76" s="28" t="s">
        <v>361</v>
      </c>
      <c r="B76" s="29" t="s">
        <v>174</v>
      </c>
      <c r="C76" s="31">
        <v>2</v>
      </c>
      <c r="D76" s="31">
        <v>23</v>
      </c>
      <c r="E76" s="31" t="s">
        <v>287</v>
      </c>
      <c r="F76" s="32">
        <v>0</v>
      </c>
      <c r="H76" s="52"/>
      <c r="I76" s="52"/>
      <c r="J76" s="52"/>
    </row>
    <row r="77" spans="1:10" s="51" customFormat="1" ht="18" customHeight="1" x14ac:dyDescent="0.25">
      <c r="A77" s="28" t="s">
        <v>362</v>
      </c>
      <c r="B77" s="29" t="s">
        <v>173</v>
      </c>
      <c r="C77" s="31">
        <v>3</v>
      </c>
      <c r="D77" s="31">
        <v>515</v>
      </c>
      <c r="E77" s="31">
        <v>1635156</v>
      </c>
      <c r="F77" s="32">
        <v>2</v>
      </c>
      <c r="H77" s="52"/>
      <c r="I77" s="52"/>
      <c r="J77" s="52"/>
    </row>
    <row r="78" spans="1:10" s="51" customFormat="1" ht="18" customHeight="1" x14ac:dyDescent="0.25">
      <c r="A78" s="28" t="s">
        <v>363</v>
      </c>
      <c r="B78" s="29" t="s">
        <v>172</v>
      </c>
      <c r="C78" s="31">
        <v>3</v>
      </c>
      <c r="D78" s="31">
        <v>22</v>
      </c>
      <c r="E78" s="31">
        <v>122688</v>
      </c>
      <c r="F78" s="32">
        <v>0</v>
      </c>
      <c r="H78" s="52"/>
      <c r="I78" s="52"/>
      <c r="J78" s="52"/>
    </row>
    <row r="79" spans="1:10" s="51" customFormat="1" ht="18" customHeight="1" x14ac:dyDescent="0.25">
      <c r="A79" s="28" t="s">
        <v>364</v>
      </c>
      <c r="B79" s="29" t="s">
        <v>171</v>
      </c>
      <c r="C79" s="31">
        <v>1</v>
      </c>
      <c r="D79" s="31">
        <v>9</v>
      </c>
      <c r="E79" s="31" t="s">
        <v>287</v>
      </c>
      <c r="F79" s="32">
        <v>0</v>
      </c>
      <c r="H79" s="52"/>
      <c r="I79" s="52"/>
      <c r="J79" s="52"/>
    </row>
    <row r="80" spans="1:10" s="51" customFormat="1" ht="18" customHeight="1" x14ac:dyDescent="0.25">
      <c r="A80" s="28" t="s">
        <v>365</v>
      </c>
      <c r="B80" s="29" t="s">
        <v>170</v>
      </c>
      <c r="C80" s="31">
        <v>2</v>
      </c>
      <c r="D80" s="31">
        <v>40</v>
      </c>
      <c r="E80" s="31" t="s">
        <v>287</v>
      </c>
      <c r="F80" s="32">
        <v>1</v>
      </c>
      <c r="H80" s="52"/>
      <c r="I80" s="52"/>
      <c r="J80" s="52"/>
    </row>
    <row r="81" spans="1:10" s="51" customFormat="1" ht="18" customHeight="1" x14ac:dyDescent="0.25">
      <c r="A81" s="28" t="s">
        <v>366</v>
      </c>
      <c r="B81" s="29" t="s">
        <v>169</v>
      </c>
      <c r="C81" s="31">
        <v>5</v>
      </c>
      <c r="D81" s="31">
        <v>83</v>
      </c>
      <c r="E81" s="31">
        <v>96866</v>
      </c>
      <c r="F81" s="32">
        <v>1</v>
      </c>
      <c r="H81" s="52"/>
      <c r="I81" s="52"/>
      <c r="J81" s="52"/>
    </row>
    <row r="82" spans="1:10" s="51" customFormat="1" ht="18" customHeight="1" x14ac:dyDescent="0.25">
      <c r="A82" s="28" t="s">
        <v>367</v>
      </c>
      <c r="B82" s="29" t="s">
        <v>168</v>
      </c>
      <c r="C82" s="31">
        <v>3</v>
      </c>
      <c r="D82" s="31">
        <v>53</v>
      </c>
      <c r="E82" s="31">
        <v>26359</v>
      </c>
      <c r="F82" s="32">
        <v>0</v>
      </c>
      <c r="H82" s="52"/>
      <c r="I82" s="52"/>
      <c r="J82" s="52"/>
    </row>
    <row r="83" spans="1:10" s="51" customFormat="1" ht="18" customHeight="1" x14ac:dyDescent="0.25">
      <c r="A83" s="28" t="s">
        <v>368</v>
      </c>
      <c r="B83" s="29" t="s">
        <v>167</v>
      </c>
      <c r="C83" s="31">
        <v>6</v>
      </c>
      <c r="D83" s="31">
        <v>356</v>
      </c>
      <c r="E83" s="31">
        <v>641646</v>
      </c>
      <c r="F83" s="32">
        <v>4</v>
      </c>
      <c r="H83" s="52"/>
      <c r="I83" s="52"/>
      <c r="J83" s="52"/>
    </row>
    <row r="84" spans="1:10" s="51" customFormat="1" ht="18" customHeight="1" x14ac:dyDescent="0.25">
      <c r="A84" s="28" t="s">
        <v>369</v>
      </c>
      <c r="B84" s="29" t="s">
        <v>166</v>
      </c>
      <c r="C84" s="31">
        <v>3</v>
      </c>
      <c r="D84" s="31">
        <v>32</v>
      </c>
      <c r="E84" s="31">
        <v>44278</v>
      </c>
      <c r="F84" s="32">
        <v>0</v>
      </c>
      <c r="H84" s="52"/>
      <c r="I84" s="52"/>
      <c r="J84" s="52"/>
    </row>
    <row r="85" spans="1:10" s="51" customFormat="1" ht="18" customHeight="1" x14ac:dyDescent="0.25">
      <c r="A85" s="28" t="s">
        <v>370</v>
      </c>
      <c r="B85" s="29" t="s">
        <v>165</v>
      </c>
      <c r="C85" s="31">
        <v>6</v>
      </c>
      <c r="D85" s="31">
        <v>177</v>
      </c>
      <c r="E85" s="31">
        <v>219639</v>
      </c>
      <c r="F85" s="32">
        <v>1</v>
      </c>
      <c r="H85" s="52"/>
      <c r="I85" s="52"/>
      <c r="J85" s="52"/>
    </row>
    <row r="86" spans="1:10" s="51" customFormat="1" ht="18" customHeight="1" x14ac:dyDescent="0.25">
      <c r="A86" s="28" t="s">
        <v>371</v>
      </c>
      <c r="B86" s="29" t="s">
        <v>264</v>
      </c>
      <c r="C86" s="31">
        <v>1</v>
      </c>
      <c r="D86" s="31">
        <v>5</v>
      </c>
      <c r="E86" s="31" t="s">
        <v>287</v>
      </c>
      <c r="F86" s="32">
        <v>0</v>
      </c>
      <c r="H86" s="52"/>
      <c r="I86" s="52"/>
      <c r="J86" s="52"/>
    </row>
    <row r="87" spans="1:10" s="51" customFormat="1" ht="18" customHeight="1" x14ac:dyDescent="0.25">
      <c r="A87" s="28" t="s">
        <v>372</v>
      </c>
      <c r="B87" s="29" t="s">
        <v>164</v>
      </c>
      <c r="C87" s="31">
        <v>2</v>
      </c>
      <c r="D87" s="31">
        <v>23</v>
      </c>
      <c r="E87" s="31" t="s">
        <v>287</v>
      </c>
      <c r="F87" s="32">
        <v>0</v>
      </c>
      <c r="H87" s="52"/>
      <c r="I87" s="52"/>
      <c r="J87" s="52"/>
    </row>
    <row r="88" spans="1:10" s="51" customFormat="1" ht="18" customHeight="1" x14ac:dyDescent="0.25">
      <c r="A88" s="28" t="s">
        <v>373</v>
      </c>
      <c r="B88" s="29" t="s">
        <v>163</v>
      </c>
      <c r="C88" s="31">
        <v>1</v>
      </c>
      <c r="D88" s="31">
        <v>17</v>
      </c>
      <c r="E88" s="31" t="s">
        <v>287</v>
      </c>
      <c r="F88" s="32">
        <v>0</v>
      </c>
      <c r="H88" s="52"/>
      <c r="I88" s="52"/>
      <c r="J88" s="52"/>
    </row>
    <row r="89" spans="1:10" s="51" customFormat="1" ht="18" customHeight="1" x14ac:dyDescent="0.25">
      <c r="A89" s="28" t="s">
        <v>374</v>
      </c>
      <c r="B89" s="29" t="s">
        <v>162</v>
      </c>
      <c r="C89" s="31">
        <v>6</v>
      </c>
      <c r="D89" s="31">
        <v>385</v>
      </c>
      <c r="E89" s="31">
        <v>1040653</v>
      </c>
      <c r="F89" s="32">
        <v>1</v>
      </c>
      <c r="H89" s="52"/>
      <c r="I89" s="52"/>
      <c r="J89" s="52"/>
    </row>
    <row r="90" spans="1:10" s="51" customFormat="1" ht="18" customHeight="1" x14ac:dyDescent="0.25">
      <c r="A90" s="28" t="s">
        <v>375</v>
      </c>
      <c r="B90" s="29" t="s">
        <v>161</v>
      </c>
      <c r="C90" s="31">
        <v>8</v>
      </c>
      <c r="D90" s="31">
        <v>517</v>
      </c>
      <c r="E90" s="31">
        <v>870127</v>
      </c>
      <c r="F90" s="32">
        <v>6</v>
      </c>
      <c r="H90" s="52"/>
      <c r="I90" s="52"/>
      <c r="J90" s="52"/>
    </row>
    <row r="91" spans="1:10" s="51" customFormat="1" ht="18" customHeight="1" x14ac:dyDescent="0.25">
      <c r="A91" s="28" t="s">
        <v>376</v>
      </c>
      <c r="B91" s="29" t="s">
        <v>160</v>
      </c>
      <c r="C91" s="31">
        <v>6</v>
      </c>
      <c r="D91" s="31">
        <v>527</v>
      </c>
      <c r="E91" s="31">
        <v>1508011</v>
      </c>
      <c r="F91" s="32">
        <v>2</v>
      </c>
      <c r="H91" s="52"/>
      <c r="I91" s="52"/>
      <c r="J91" s="52"/>
    </row>
    <row r="92" spans="1:10" s="51" customFormat="1" ht="18" customHeight="1" x14ac:dyDescent="0.25">
      <c r="A92" s="28" t="s">
        <v>377</v>
      </c>
      <c r="B92" s="29" t="s">
        <v>159</v>
      </c>
      <c r="C92" s="31">
        <v>5</v>
      </c>
      <c r="D92" s="31">
        <v>94</v>
      </c>
      <c r="E92" s="31">
        <v>48102</v>
      </c>
      <c r="F92" s="32">
        <v>2</v>
      </c>
      <c r="H92" s="52"/>
      <c r="I92" s="52"/>
      <c r="J92" s="52"/>
    </row>
    <row r="93" spans="1:10" s="51" customFormat="1" ht="18" customHeight="1" x14ac:dyDescent="0.25">
      <c r="A93" s="28" t="s">
        <v>378</v>
      </c>
      <c r="B93" s="29" t="s">
        <v>265</v>
      </c>
      <c r="C93" s="31">
        <v>1</v>
      </c>
      <c r="D93" s="31">
        <v>5</v>
      </c>
      <c r="E93" s="31" t="s">
        <v>287</v>
      </c>
      <c r="F93" s="32">
        <v>0</v>
      </c>
      <c r="H93" s="52"/>
      <c r="I93" s="52"/>
      <c r="J93" s="52"/>
    </row>
    <row r="94" spans="1:10" s="51" customFormat="1" ht="18" customHeight="1" x14ac:dyDescent="0.25">
      <c r="A94" s="28" t="s">
        <v>379</v>
      </c>
      <c r="B94" s="29" t="s">
        <v>158</v>
      </c>
      <c r="C94" s="31">
        <v>1</v>
      </c>
      <c r="D94" s="31">
        <v>24</v>
      </c>
      <c r="E94" s="31" t="s">
        <v>287</v>
      </c>
      <c r="F94" s="32">
        <v>0</v>
      </c>
      <c r="H94" s="52"/>
      <c r="I94" s="52"/>
      <c r="J94" s="52"/>
    </row>
    <row r="95" spans="1:10" s="51" customFormat="1" ht="18" customHeight="1" x14ac:dyDescent="0.25">
      <c r="A95" s="28" t="s">
        <v>380</v>
      </c>
      <c r="B95" s="29" t="s">
        <v>157</v>
      </c>
      <c r="C95" s="31">
        <v>2</v>
      </c>
      <c r="D95" s="31">
        <v>139</v>
      </c>
      <c r="E95" s="31" t="s">
        <v>287</v>
      </c>
      <c r="F95" s="32">
        <v>2</v>
      </c>
      <c r="H95" s="52"/>
      <c r="I95" s="52"/>
      <c r="J95" s="52"/>
    </row>
    <row r="96" spans="1:10" s="51" customFormat="1" ht="18" customHeight="1" x14ac:dyDescent="0.25">
      <c r="A96" s="28" t="s">
        <v>381</v>
      </c>
      <c r="B96" s="29" t="s">
        <v>156</v>
      </c>
      <c r="C96" s="31">
        <v>3</v>
      </c>
      <c r="D96" s="31">
        <v>110</v>
      </c>
      <c r="E96" s="31">
        <v>249270</v>
      </c>
      <c r="F96" s="32">
        <v>2</v>
      </c>
      <c r="H96" s="52"/>
      <c r="I96" s="52"/>
      <c r="J96" s="52"/>
    </row>
    <row r="97" spans="1:10" s="51" customFormat="1" ht="18" customHeight="1" x14ac:dyDescent="0.25">
      <c r="A97" s="28" t="s">
        <v>382</v>
      </c>
      <c r="B97" s="29" t="s">
        <v>155</v>
      </c>
      <c r="C97" s="31">
        <v>9</v>
      </c>
      <c r="D97" s="31">
        <v>138</v>
      </c>
      <c r="E97" s="31">
        <v>425112</v>
      </c>
      <c r="F97" s="32">
        <v>0</v>
      </c>
      <c r="H97" s="52"/>
      <c r="I97" s="52"/>
      <c r="J97" s="52"/>
    </row>
    <row r="98" spans="1:10" s="51" customFormat="1" ht="18" customHeight="1" x14ac:dyDescent="0.25">
      <c r="A98" s="28" t="s">
        <v>383</v>
      </c>
      <c r="B98" s="29" t="s">
        <v>154</v>
      </c>
      <c r="C98" s="31">
        <v>7</v>
      </c>
      <c r="D98" s="31">
        <v>152</v>
      </c>
      <c r="E98" s="31">
        <v>492318</v>
      </c>
      <c r="F98" s="32">
        <v>1</v>
      </c>
      <c r="H98" s="52"/>
      <c r="I98" s="52"/>
      <c r="J98" s="52"/>
    </row>
    <row r="99" spans="1:10" s="51" customFormat="1" ht="18" customHeight="1" x14ac:dyDescent="0.25">
      <c r="A99" s="28" t="s">
        <v>384</v>
      </c>
      <c r="B99" s="29" t="s">
        <v>153</v>
      </c>
      <c r="C99" s="31">
        <v>1</v>
      </c>
      <c r="D99" s="31">
        <v>13</v>
      </c>
      <c r="E99" s="31" t="s">
        <v>287</v>
      </c>
      <c r="F99" s="32">
        <v>0</v>
      </c>
      <c r="H99" s="52"/>
      <c r="I99" s="52"/>
      <c r="J99" s="52"/>
    </row>
    <row r="100" spans="1:10" s="51" customFormat="1" ht="18" customHeight="1" x14ac:dyDescent="0.25">
      <c r="A100" s="28" t="s">
        <v>385</v>
      </c>
      <c r="B100" s="29" t="s">
        <v>152</v>
      </c>
      <c r="C100" s="31">
        <v>2</v>
      </c>
      <c r="D100" s="31">
        <v>78</v>
      </c>
      <c r="E100" s="31" t="s">
        <v>287</v>
      </c>
      <c r="F100" s="32">
        <v>1</v>
      </c>
      <c r="H100" s="52"/>
      <c r="I100" s="52"/>
      <c r="J100" s="52"/>
    </row>
    <row r="101" spans="1:10" s="51" customFormat="1" ht="18" customHeight="1" x14ac:dyDescent="0.25">
      <c r="A101" s="28" t="s">
        <v>386</v>
      </c>
      <c r="B101" s="29" t="s">
        <v>151</v>
      </c>
      <c r="C101" s="31">
        <v>1</v>
      </c>
      <c r="D101" s="31">
        <v>80</v>
      </c>
      <c r="E101" s="31" t="s">
        <v>287</v>
      </c>
      <c r="F101" s="32">
        <v>1</v>
      </c>
      <c r="H101" s="52"/>
      <c r="I101" s="52"/>
      <c r="J101" s="52"/>
    </row>
    <row r="102" spans="1:10" s="51" customFormat="1" ht="18" customHeight="1" x14ac:dyDescent="0.25">
      <c r="A102" s="28" t="s">
        <v>387</v>
      </c>
      <c r="B102" s="29" t="s">
        <v>150</v>
      </c>
      <c r="C102" s="31">
        <v>1</v>
      </c>
      <c r="D102" s="31">
        <v>175</v>
      </c>
      <c r="E102" s="31" t="s">
        <v>287</v>
      </c>
      <c r="F102" s="32">
        <v>1</v>
      </c>
      <c r="H102" s="52"/>
      <c r="I102" s="52"/>
      <c r="J102" s="52"/>
    </row>
    <row r="103" spans="1:10" s="51" customFormat="1" ht="18" customHeight="1" x14ac:dyDescent="0.25">
      <c r="A103" s="28" t="s">
        <v>388</v>
      </c>
      <c r="B103" s="29" t="s">
        <v>149</v>
      </c>
      <c r="C103" s="31">
        <v>2</v>
      </c>
      <c r="D103" s="31">
        <v>58</v>
      </c>
      <c r="E103" s="31" t="s">
        <v>287</v>
      </c>
      <c r="F103" s="32">
        <v>1</v>
      </c>
      <c r="H103" s="52"/>
      <c r="I103" s="52"/>
      <c r="J103" s="52"/>
    </row>
    <row r="104" spans="1:10" s="51" customFormat="1" ht="18" customHeight="1" x14ac:dyDescent="0.25">
      <c r="A104" s="28" t="s">
        <v>389</v>
      </c>
      <c r="B104" s="29" t="s">
        <v>148</v>
      </c>
      <c r="C104" s="31">
        <v>1</v>
      </c>
      <c r="D104" s="31">
        <v>38</v>
      </c>
      <c r="E104" s="31" t="s">
        <v>287</v>
      </c>
      <c r="F104" s="32">
        <v>1</v>
      </c>
      <c r="H104" s="52"/>
      <c r="I104" s="52"/>
      <c r="J104" s="52"/>
    </row>
    <row r="105" spans="1:10" s="51" customFormat="1" ht="18" customHeight="1" x14ac:dyDescent="0.25">
      <c r="A105" s="28" t="s">
        <v>390</v>
      </c>
      <c r="B105" s="29" t="s">
        <v>147</v>
      </c>
      <c r="C105" s="31">
        <v>5</v>
      </c>
      <c r="D105" s="31">
        <v>39</v>
      </c>
      <c r="E105" s="31">
        <v>148779</v>
      </c>
      <c r="F105" s="32">
        <v>0</v>
      </c>
      <c r="H105" s="52"/>
      <c r="I105" s="52"/>
      <c r="J105" s="52"/>
    </row>
    <row r="106" spans="1:10" s="51" customFormat="1" ht="18" customHeight="1" x14ac:dyDescent="0.25">
      <c r="A106" s="28" t="s">
        <v>391</v>
      </c>
      <c r="B106" s="29" t="s">
        <v>266</v>
      </c>
      <c r="C106" s="31">
        <v>1</v>
      </c>
      <c r="D106" s="31">
        <v>6</v>
      </c>
      <c r="E106" s="31" t="s">
        <v>287</v>
      </c>
      <c r="F106" s="32">
        <v>0</v>
      </c>
      <c r="H106" s="52"/>
      <c r="I106" s="52"/>
      <c r="J106" s="52"/>
    </row>
    <row r="107" spans="1:10" s="51" customFormat="1" ht="18" customHeight="1" x14ac:dyDescent="0.25">
      <c r="A107" s="28" t="s">
        <v>392</v>
      </c>
      <c r="B107" s="29" t="s">
        <v>146</v>
      </c>
      <c r="C107" s="31">
        <v>4</v>
      </c>
      <c r="D107" s="31">
        <v>31</v>
      </c>
      <c r="E107" s="31">
        <v>53201</v>
      </c>
      <c r="F107" s="32">
        <v>0</v>
      </c>
      <c r="H107" s="52"/>
      <c r="I107" s="52"/>
      <c r="J107" s="52"/>
    </row>
    <row r="108" spans="1:10" s="51" customFormat="1" ht="18" customHeight="1" x14ac:dyDescent="0.25">
      <c r="A108" s="28" t="s">
        <v>393</v>
      </c>
      <c r="B108" s="29" t="s">
        <v>145</v>
      </c>
      <c r="C108" s="31">
        <v>1</v>
      </c>
      <c r="D108" s="31">
        <v>16</v>
      </c>
      <c r="E108" s="31" t="s">
        <v>287</v>
      </c>
      <c r="F108" s="32">
        <v>0</v>
      </c>
      <c r="H108" s="52"/>
      <c r="I108" s="52"/>
      <c r="J108" s="52"/>
    </row>
    <row r="109" spans="1:10" s="51" customFormat="1" ht="18" customHeight="1" x14ac:dyDescent="0.25">
      <c r="A109" s="28" t="s">
        <v>394</v>
      </c>
      <c r="B109" s="29" t="s">
        <v>144</v>
      </c>
      <c r="C109" s="31">
        <v>3</v>
      </c>
      <c r="D109" s="31">
        <v>214</v>
      </c>
      <c r="E109" s="31">
        <v>1004463</v>
      </c>
      <c r="F109" s="32">
        <v>2</v>
      </c>
      <c r="H109" s="52"/>
      <c r="I109" s="52"/>
      <c r="J109" s="52"/>
    </row>
    <row r="110" spans="1:10" s="51" customFormat="1" ht="18" customHeight="1" x14ac:dyDescent="0.25">
      <c r="A110" s="28" t="s">
        <v>395</v>
      </c>
      <c r="B110" s="29" t="s">
        <v>143</v>
      </c>
      <c r="C110" s="31">
        <v>1</v>
      </c>
      <c r="D110" s="31">
        <v>215</v>
      </c>
      <c r="E110" s="31" t="s">
        <v>287</v>
      </c>
      <c r="F110" s="32">
        <v>1</v>
      </c>
      <c r="H110" s="52"/>
      <c r="I110" s="52"/>
      <c r="J110" s="52"/>
    </row>
    <row r="111" spans="1:10" s="51" customFormat="1" ht="18" customHeight="1" x14ac:dyDescent="0.25">
      <c r="A111" s="28" t="s">
        <v>396</v>
      </c>
      <c r="B111" s="29" t="s">
        <v>267</v>
      </c>
      <c r="C111" s="31">
        <v>1</v>
      </c>
      <c r="D111" s="31">
        <v>88</v>
      </c>
      <c r="E111" s="31" t="s">
        <v>287</v>
      </c>
      <c r="F111" s="32">
        <v>1</v>
      </c>
      <c r="H111" s="52"/>
      <c r="I111" s="52"/>
      <c r="J111" s="52"/>
    </row>
    <row r="112" spans="1:10" s="51" customFormat="1" ht="18" customHeight="1" x14ac:dyDescent="0.25">
      <c r="A112" s="28" t="s">
        <v>397</v>
      </c>
      <c r="B112" s="29" t="s">
        <v>268</v>
      </c>
      <c r="C112" s="31">
        <v>1</v>
      </c>
      <c r="D112" s="31">
        <v>25</v>
      </c>
      <c r="E112" s="31" t="s">
        <v>287</v>
      </c>
      <c r="F112" s="32">
        <v>0</v>
      </c>
      <c r="H112" s="52"/>
      <c r="I112" s="52"/>
      <c r="J112" s="52"/>
    </row>
    <row r="113" spans="1:10" s="51" customFormat="1" ht="18" customHeight="1" x14ac:dyDescent="0.25">
      <c r="A113" s="28" t="s">
        <v>398</v>
      </c>
      <c r="B113" s="29" t="s">
        <v>142</v>
      </c>
      <c r="C113" s="31">
        <v>1</v>
      </c>
      <c r="D113" s="31">
        <v>20</v>
      </c>
      <c r="E113" s="31" t="s">
        <v>287</v>
      </c>
      <c r="F113" s="32">
        <v>0</v>
      </c>
      <c r="H113" s="52"/>
      <c r="I113" s="52"/>
      <c r="J113" s="52"/>
    </row>
    <row r="114" spans="1:10" s="51" customFormat="1" ht="18" customHeight="1" x14ac:dyDescent="0.25">
      <c r="A114" s="28" t="s">
        <v>399</v>
      </c>
      <c r="B114" s="29" t="s">
        <v>141</v>
      </c>
      <c r="C114" s="31">
        <v>1</v>
      </c>
      <c r="D114" s="31">
        <v>224</v>
      </c>
      <c r="E114" s="31" t="s">
        <v>287</v>
      </c>
      <c r="F114" s="32">
        <v>1</v>
      </c>
      <c r="H114" s="52"/>
      <c r="I114" s="52"/>
      <c r="J114" s="52"/>
    </row>
    <row r="115" spans="1:10" s="51" customFormat="1" ht="18" customHeight="1" x14ac:dyDescent="0.25">
      <c r="A115" s="28" t="s">
        <v>400</v>
      </c>
      <c r="B115" s="29" t="s">
        <v>140</v>
      </c>
      <c r="C115" s="31">
        <v>4</v>
      </c>
      <c r="D115" s="31">
        <v>61</v>
      </c>
      <c r="E115" s="31">
        <v>370101</v>
      </c>
      <c r="F115" s="32">
        <v>0</v>
      </c>
      <c r="H115" s="52"/>
      <c r="I115" s="52"/>
      <c r="J115" s="52"/>
    </row>
    <row r="116" spans="1:10" s="51" customFormat="1" ht="18" customHeight="1" x14ac:dyDescent="0.25">
      <c r="A116" s="28" t="s">
        <v>401</v>
      </c>
      <c r="B116" s="29" t="s">
        <v>139</v>
      </c>
      <c r="C116" s="31">
        <v>3</v>
      </c>
      <c r="D116" s="31">
        <v>47</v>
      </c>
      <c r="E116" s="31">
        <v>174444</v>
      </c>
      <c r="F116" s="32">
        <v>0</v>
      </c>
      <c r="H116" s="52"/>
      <c r="I116" s="52"/>
      <c r="J116" s="52"/>
    </row>
    <row r="117" spans="1:10" s="51" customFormat="1" ht="18" customHeight="1" x14ac:dyDescent="0.25">
      <c r="A117" s="28" t="s">
        <v>402</v>
      </c>
      <c r="B117" s="29" t="s">
        <v>138</v>
      </c>
      <c r="C117" s="31">
        <v>6</v>
      </c>
      <c r="D117" s="31">
        <v>62</v>
      </c>
      <c r="E117" s="31">
        <v>227291</v>
      </c>
      <c r="F117" s="32">
        <v>1</v>
      </c>
      <c r="H117" s="52"/>
      <c r="I117" s="52"/>
      <c r="J117" s="52"/>
    </row>
    <row r="118" spans="1:10" s="51" customFormat="1" ht="18" customHeight="1" x14ac:dyDescent="0.25">
      <c r="A118" s="28" t="s">
        <v>403</v>
      </c>
      <c r="B118" s="29" t="s">
        <v>137</v>
      </c>
      <c r="C118" s="31">
        <v>1</v>
      </c>
      <c r="D118" s="31">
        <v>371</v>
      </c>
      <c r="E118" s="31" t="s">
        <v>287</v>
      </c>
      <c r="F118" s="32">
        <v>1</v>
      </c>
      <c r="H118" s="52"/>
      <c r="I118" s="52"/>
      <c r="J118" s="52"/>
    </row>
    <row r="119" spans="1:10" s="51" customFormat="1" ht="18" customHeight="1" x14ac:dyDescent="0.25">
      <c r="A119" s="28" t="s">
        <v>404</v>
      </c>
      <c r="B119" s="29" t="s">
        <v>136</v>
      </c>
      <c r="C119" s="31">
        <v>2</v>
      </c>
      <c r="D119" s="31">
        <v>46</v>
      </c>
      <c r="E119" s="31" t="s">
        <v>287</v>
      </c>
      <c r="F119" s="32">
        <v>1</v>
      </c>
      <c r="H119" s="52"/>
      <c r="I119" s="52"/>
      <c r="J119" s="52"/>
    </row>
    <row r="120" spans="1:10" s="51" customFormat="1" ht="18" customHeight="1" x14ac:dyDescent="0.25">
      <c r="A120" s="28" t="s">
        <v>405</v>
      </c>
      <c r="B120" s="29" t="s">
        <v>269</v>
      </c>
      <c r="C120" s="31">
        <v>4</v>
      </c>
      <c r="D120" s="31">
        <v>123</v>
      </c>
      <c r="E120" s="31">
        <v>244180</v>
      </c>
      <c r="F120" s="32">
        <v>2</v>
      </c>
      <c r="H120" s="52"/>
      <c r="I120" s="52"/>
      <c r="J120" s="52"/>
    </row>
    <row r="121" spans="1:10" s="51" customFormat="1" ht="18" customHeight="1" x14ac:dyDescent="0.25">
      <c r="A121" s="28" t="s">
        <v>406</v>
      </c>
      <c r="B121" s="29" t="s">
        <v>135</v>
      </c>
      <c r="C121" s="31">
        <v>2</v>
      </c>
      <c r="D121" s="31">
        <v>40</v>
      </c>
      <c r="E121" s="31" t="s">
        <v>287</v>
      </c>
      <c r="F121" s="32">
        <v>1</v>
      </c>
      <c r="H121" s="52"/>
      <c r="I121" s="52"/>
      <c r="J121" s="52"/>
    </row>
    <row r="122" spans="1:10" s="51" customFormat="1" ht="18" customHeight="1" x14ac:dyDescent="0.25">
      <c r="A122" s="28" t="s">
        <v>407</v>
      </c>
      <c r="B122" s="29" t="s">
        <v>270</v>
      </c>
      <c r="C122" s="31">
        <v>2</v>
      </c>
      <c r="D122" s="31">
        <v>15</v>
      </c>
      <c r="E122" s="31" t="s">
        <v>287</v>
      </c>
      <c r="F122" s="32">
        <v>0</v>
      </c>
      <c r="H122" s="52"/>
      <c r="I122" s="52"/>
      <c r="J122" s="52"/>
    </row>
    <row r="123" spans="1:10" s="51" customFormat="1" ht="18" customHeight="1" x14ac:dyDescent="0.25">
      <c r="A123" s="28" t="s">
        <v>408</v>
      </c>
      <c r="B123" s="29" t="s">
        <v>134</v>
      </c>
      <c r="C123" s="31">
        <v>4</v>
      </c>
      <c r="D123" s="31">
        <v>45</v>
      </c>
      <c r="E123" s="31">
        <v>89720</v>
      </c>
      <c r="F123" s="32">
        <v>0</v>
      </c>
      <c r="H123" s="52"/>
      <c r="I123" s="52"/>
      <c r="J123" s="52"/>
    </row>
    <row r="124" spans="1:10" s="51" customFormat="1" ht="18" customHeight="1" x14ac:dyDescent="0.25">
      <c r="A124" s="28" t="s">
        <v>409</v>
      </c>
      <c r="B124" s="29" t="s">
        <v>271</v>
      </c>
      <c r="C124" s="31">
        <v>1</v>
      </c>
      <c r="D124" s="31">
        <v>8</v>
      </c>
      <c r="E124" s="31" t="s">
        <v>287</v>
      </c>
      <c r="F124" s="32">
        <v>0</v>
      </c>
      <c r="H124" s="52"/>
      <c r="I124" s="52"/>
      <c r="J124" s="52"/>
    </row>
    <row r="125" spans="1:10" s="51" customFormat="1" ht="18" customHeight="1" x14ac:dyDescent="0.25">
      <c r="A125" s="28" t="s">
        <v>410</v>
      </c>
      <c r="B125" s="29" t="s">
        <v>133</v>
      </c>
      <c r="C125" s="31">
        <v>14</v>
      </c>
      <c r="D125" s="31">
        <v>285</v>
      </c>
      <c r="E125" s="31">
        <v>1038435</v>
      </c>
      <c r="F125" s="32">
        <v>3</v>
      </c>
      <c r="H125" s="52"/>
      <c r="I125" s="52"/>
      <c r="J125" s="52"/>
    </row>
    <row r="126" spans="1:10" s="51" customFormat="1" ht="18" customHeight="1" x14ac:dyDescent="0.25">
      <c r="A126" s="28" t="s">
        <v>411</v>
      </c>
      <c r="B126" s="29" t="s">
        <v>132</v>
      </c>
      <c r="C126" s="31">
        <v>9</v>
      </c>
      <c r="D126" s="31">
        <v>179</v>
      </c>
      <c r="E126" s="31">
        <v>412224</v>
      </c>
      <c r="F126" s="32">
        <v>1</v>
      </c>
      <c r="H126" s="52"/>
      <c r="I126" s="52"/>
      <c r="J126" s="52"/>
    </row>
    <row r="127" spans="1:10" s="51" customFormat="1" ht="18" customHeight="1" x14ac:dyDescent="0.25">
      <c r="A127" s="28" t="s">
        <v>412</v>
      </c>
      <c r="B127" s="29" t="s">
        <v>131</v>
      </c>
      <c r="C127" s="31">
        <v>7</v>
      </c>
      <c r="D127" s="31">
        <v>111</v>
      </c>
      <c r="E127" s="31">
        <v>175763</v>
      </c>
      <c r="F127" s="32">
        <v>1</v>
      </c>
      <c r="H127" s="52"/>
      <c r="I127" s="52"/>
      <c r="J127" s="52"/>
    </row>
    <row r="128" spans="1:10" s="51" customFormat="1" ht="18" customHeight="1" x14ac:dyDescent="0.25">
      <c r="A128" s="28" t="s">
        <v>413</v>
      </c>
      <c r="B128" s="29" t="s">
        <v>130</v>
      </c>
      <c r="C128" s="31">
        <v>10</v>
      </c>
      <c r="D128" s="31">
        <v>238</v>
      </c>
      <c r="E128" s="31">
        <v>621030</v>
      </c>
      <c r="F128" s="32">
        <v>2</v>
      </c>
      <c r="H128" s="52"/>
      <c r="I128" s="52"/>
      <c r="J128" s="52"/>
    </row>
    <row r="129" spans="1:10" s="51" customFormat="1" ht="18" customHeight="1" x14ac:dyDescent="0.25">
      <c r="A129" s="28" t="s">
        <v>414</v>
      </c>
      <c r="B129" s="29" t="s">
        <v>129</v>
      </c>
      <c r="C129" s="31">
        <v>17</v>
      </c>
      <c r="D129" s="31">
        <v>246</v>
      </c>
      <c r="E129" s="31">
        <v>348958</v>
      </c>
      <c r="F129" s="32">
        <v>1</v>
      </c>
      <c r="H129" s="52"/>
      <c r="I129" s="52"/>
      <c r="J129" s="52"/>
    </row>
    <row r="130" spans="1:10" s="51" customFormat="1" ht="18" customHeight="1" x14ac:dyDescent="0.25">
      <c r="A130" s="28" t="s">
        <v>415</v>
      </c>
      <c r="B130" s="29" t="s">
        <v>272</v>
      </c>
      <c r="C130" s="31">
        <v>1</v>
      </c>
      <c r="D130" s="31">
        <v>49</v>
      </c>
      <c r="E130" s="31" t="s">
        <v>287</v>
      </c>
      <c r="F130" s="32">
        <v>1</v>
      </c>
      <c r="H130" s="52"/>
      <c r="I130" s="52"/>
      <c r="J130" s="52"/>
    </row>
    <row r="131" spans="1:10" s="51" customFormat="1" ht="18" customHeight="1" x14ac:dyDescent="0.25">
      <c r="A131" s="28" t="s">
        <v>416</v>
      </c>
      <c r="B131" s="29" t="s">
        <v>128</v>
      </c>
      <c r="C131" s="31">
        <v>14</v>
      </c>
      <c r="D131" s="31">
        <v>295</v>
      </c>
      <c r="E131" s="31">
        <v>383340</v>
      </c>
      <c r="F131" s="32">
        <v>3</v>
      </c>
      <c r="H131" s="52"/>
      <c r="I131" s="52"/>
      <c r="J131" s="52"/>
    </row>
    <row r="132" spans="1:10" s="51" customFormat="1" ht="18" customHeight="1" x14ac:dyDescent="0.25">
      <c r="A132" s="28" t="s">
        <v>417</v>
      </c>
      <c r="B132" s="29" t="s">
        <v>127</v>
      </c>
      <c r="C132" s="31">
        <v>1</v>
      </c>
      <c r="D132" s="31">
        <v>45</v>
      </c>
      <c r="E132" s="31" t="s">
        <v>287</v>
      </c>
      <c r="F132" s="32">
        <v>1</v>
      </c>
      <c r="H132" s="52"/>
      <c r="I132" s="52"/>
      <c r="J132" s="52"/>
    </row>
    <row r="133" spans="1:10" s="51" customFormat="1" ht="18" customHeight="1" x14ac:dyDescent="0.25">
      <c r="A133" s="28" t="s">
        <v>418</v>
      </c>
      <c r="B133" s="29" t="s">
        <v>126</v>
      </c>
      <c r="C133" s="31">
        <v>3</v>
      </c>
      <c r="D133" s="31">
        <v>80</v>
      </c>
      <c r="E133" s="31">
        <v>89736</v>
      </c>
      <c r="F133" s="32">
        <v>1</v>
      </c>
      <c r="H133" s="52"/>
      <c r="I133" s="52"/>
      <c r="J133" s="52"/>
    </row>
    <row r="134" spans="1:10" s="51" customFormat="1" ht="18" customHeight="1" x14ac:dyDescent="0.25">
      <c r="A134" s="28" t="s">
        <v>419</v>
      </c>
      <c r="B134" s="29" t="s">
        <v>125</v>
      </c>
      <c r="C134" s="31">
        <v>3</v>
      </c>
      <c r="D134" s="31">
        <v>514</v>
      </c>
      <c r="E134" s="31">
        <v>1150093</v>
      </c>
      <c r="F134" s="32">
        <v>3</v>
      </c>
      <c r="H134" s="52"/>
      <c r="I134" s="52"/>
      <c r="J134" s="52"/>
    </row>
    <row r="135" spans="1:10" s="51" customFormat="1" ht="18" customHeight="1" x14ac:dyDescent="0.25">
      <c r="A135" s="28" t="s">
        <v>420</v>
      </c>
      <c r="B135" s="29" t="s">
        <v>124</v>
      </c>
      <c r="C135" s="31">
        <v>3</v>
      </c>
      <c r="D135" s="31">
        <v>79</v>
      </c>
      <c r="E135" s="31">
        <v>101757</v>
      </c>
      <c r="F135" s="32">
        <v>2</v>
      </c>
      <c r="H135" s="52"/>
      <c r="I135" s="52"/>
      <c r="J135" s="52"/>
    </row>
    <row r="136" spans="1:10" s="51" customFormat="1" ht="18" customHeight="1" x14ac:dyDescent="0.25">
      <c r="A136" s="28" t="s">
        <v>421</v>
      </c>
      <c r="B136" s="29" t="s">
        <v>123</v>
      </c>
      <c r="C136" s="31">
        <v>5</v>
      </c>
      <c r="D136" s="31">
        <v>84</v>
      </c>
      <c r="E136" s="31">
        <v>81389</v>
      </c>
      <c r="F136" s="32">
        <v>1</v>
      </c>
      <c r="H136" s="52"/>
      <c r="I136" s="52"/>
      <c r="J136" s="52"/>
    </row>
    <row r="137" spans="1:10" s="51" customFormat="1" ht="18" customHeight="1" x14ac:dyDescent="0.25">
      <c r="A137" s="28" t="s">
        <v>422</v>
      </c>
      <c r="B137" s="29" t="s">
        <v>122</v>
      </c>
      <c r="C137" s="31">
        <v>5</v>
      </c>
      <c r="D137" s="31">
        <v>72</v>
      </c>
      <c r="E137" s="31">
        <v>96779</v>
      </c>
      <c r="F137" s="32">
        <v>0</v>
      </c>
      <c r="H137" s="52"/>
      <c r="I137" s="52"/>
      <c r="J137" s="52"/>
    </row>
    <row r="138" spans="1:10" s="51" customFormat="1" ht="18" customHeight="1" x14ac:dyDescent="0.25">
      <c r="A138" s="28" t="s">
        <v>423</v>
      </c>
      <c r="B138" s="29" t="s">
        <v>273</v>
      </c>
      <c r="C138" s="31">
        <v>1</v>
      </c>
      <c r="D138" s="31">
        <v>6</v>
      </c>
      <c r="E138" s="31" t="s">
        <v>287</v>
      </c>
      <c r="F138" s="32">
        <v>0</v>
      </c>
      <c r="H138" s="52"/>
      <c r="I138" s="52"/>
      <c r="J138" s="52"/>
    </row>
    <row r="139" spans="1:10" s="51" customFormat="1" ht="18" customHeight="1" x14ac:dyDescent="0.25">
      <c r="A139" s="28" t="s">
        <v>424</v>
      </c>
      <c r="B139" s="29" t="s">
        <v>121</v>
      </c>
      <c r="C139" s="31">
        <v>4</v>
      </c>
      <c r="D139" s="31">
        <v>334</v>
      </c>
      <c r="E139" s="31">
        <v>534228</v>
      </c>
      <c r="F139" s="32">
        <v>3</v>
      </c>
      <c r="H139" s="52"/>
      <c r="I139" s="52"/>
      <c r="J139" s="52"/>
    </row>
    <row r="140" spans="1:10" s="51" customFormat="1" ht="18" customHeight="1" x14ac:dyDescent="0.25">
      <c r="A140" s="28" t="s">
        <v>425</v>
      </c>
      <c r="B140" s="29" t="s">
        <v>120</v>
      </c>
      <c r="C140" s="31">
        <v>2</v>
      </c>
      <c r="D140" s="31">
        <v>15</v>
      </c>
      <c r="E140" s="31" t="s">
        <v>287</v>
      </c>
      <c r="F140" s="32">
        <v>0</v>
      </c>
      <c r="H140" s="52"/>
      <c r="I140" s="52"/>
      <c r="J140" s="52"/>
    </row>
    <row r="141" spans="1:10" s="51" customFormat="1" ht="18" customHeight="1" x14ac:dyDescent="0.25">
      <c r="A141" s="28" t="s">
        <v>426</v>
      </c>
      <c r="B141" s="29" t="s">
        <v>274</v>
      </c>
      <c r="C141" s="31">
        <v>9</v>
      </c>
      <c r="D141" s="31">
        <v>590</v>
      </c>
      <c r="E141" s="31">
        <v>1899676</v>
      </c>
      <c r="F141" s="32">
        <v>2</v>
      </c>
      <c r="H141" s="52"/>
      <c r="I141" s="52"/>
      <c r="J141" s="52"/>
    </row>
    <row r="142" spans="1:10" s="51" customFormat="1" ht="18" customHeight="1" x14ac:dyDescent="0.25">
      <c r="A142" s="28" t="s">
        <v>427</v>
      </c>
      <c r="B142" s="29" t="s">
        <v>275</v>
      </c>
      <c r="C142" s="31">
        <v>1</v>
      </c>
      <c r="D142" s="31">
        <v>17</v>
      </c>
      <c r="E142" s="31" t="s">
        <v>287</v>
      </c>
      <c r="F142" s="32">
        <v>0</v>
      </c>
      <c r="H142" s="52"/>
      <c r="I142" s="52"/>
      <c r="J142" s="52"/>
    </row>
    <row r="143" spans="1:10" s="51" customFormat="1" ht="18" customHeight="1" x14ac:dyDescent="0.25">
      <c r="A143" s="28" t="s">
        <v>428</v>
      </c>
      <c r="B143" s="29" t="s">
        <v>276</v>
      </c>
      <c r="C143" s="31">
        <v>1</v>
      </c>
      <c r="D143" s="31">
        <v>33</v>
      </c>
      <c r="E143" s="31" t="s">
        <v>287</v>
      </c>
      <c r="F143" s="32">
        <v>1</v>
      </c>
      <c r="H143" s="52"/>
      <c r="I143" s="52"/>
      <c r="J143" s="52"/>
    </row>
    <row r="144" spans="1:10" s="51" customFormat="1" ht="18" customHeight="1" x14ac:dyDescent="0.25">
      <c r="A144" s="28" t="s">
        <v>429</v>
      </c>
      <c r="B144" s="29" t="s">
        <v>119</v>
      </c>
      <c r="C144" s="31">
        <v>5</v>
      </c>
      <c r="D144" s="31">
        <v>50</v>
      </c>
      <c r="E144" s="31">
        <v>154319</v>
      </c>
      <c r="F144" s="32">
        <v>0</v>
      </c>
      <c r="H144" s="52"/>
      <c r="I144" s="52"/>
      <c r="J144" s="52"/>
    </row>
    <row r="145" spans="1:10" s="51" customFormat="1" ht="18" customHeight="1" x14ac:dyDescent="0.25">
      <c r="A145" s="28" t="s">
        <v>430</v>
      </c>
      <c r="B145" s="29" t="s">
        <v>118</v>
      </c>
      <c r="C145" s="31">
        <v>1</v>
      </c>
      <c r="D145" s="31">
        <v>5</v>
      </c>
      <c r="E145" s="31" t="s">
        <v>287</v>
      </c>
      <c r="F145" s="32">
        <v>0</v>
      </c>
      <c r="H145" s="52"/>
      <c r="I145" s="52"/>
      <c r="J145" s="52"/>
    </row>
    <row r="146" spans="1:10" s="51" customFormat="1" ht="18" customHeight="1" x14ac:dyDescent="0.25">
      <c r="A146" s="28" t="s">
        <v>431</v>
      </c>
      <c r="B146" s="29" t="s">
        <v>117</v>
      </c>
      <c r="C146" s="31">
        <v>1</v>
      </c>
      <c r="D146" s="31">
        <v>11</v>
      </c>
      <c r="E146" s="31" t="s">
        <v>287</v>
      </c>
      <c r="F146" s="32">
        <v>0</v>
      </c>
      <c r="H146" s="52"/>
      <c r="I146" s="52"/>
      <c r="J146" s="52"/>
    </row>
    <row r="147" spans="1:10" s="51" customFormat="1" ht="18" customHeight="1" x14ac:dyDescent="0.25">
      <c r="A147" s="28" t="s">
        <v>432</v>
      </c>
      <c r="B147" s="29" t="s">
        <v>116</v>
      </c>
      <c r="C147" s="31">
        <v>16</v>
      </c>
      <c r="D147" s="31">
        <v>918</v>
      </c>
      <c r="E147" s="31">
        <v>1321857</v>
      </c>
      <c r="F147" s="32">
        <v>11</v>
      </c>
      <c r="H147" s="52"/>
      <c r="I147" s="52"/>
      <c r="J147" s="52"/>
    </row>
    <row r="148" spans="1:10" s="51" customFormat="1" ht="18" customHeight="1" x14ac:dyDescent="0.25">
      <c r="A148" s="28" t="s">
        <v>433</v>
      </c>
      <c r="B148" s="29" t="s">
        <v>115</v>
      </c>
      <c r="C148" s="31">
        <v>1</v>
      </c>
      <c r="D148" s="31">
        <v>7</v>
      </c>
      <c r="E148" s="31" t="s">
        <v>287</v>
      </c>
      <c r="F148" s="32">
        <v>0</v>
      </c>
      <c r="H148" s="52"/>
      <c r="I148" s="52"/>
      <c r="J148" s="52"/>
    </row>
    <row r="149" spans="1:10" s="51" customFormat="1" ht="18" customHeight="1" x14ac:dyDescent="0.25">
      <c r="A149" s="28" t="s">
        <v>434</v>
      </c>
      <c r="B149" s="29" t="s">
        <v>114</v>
      </c>
      <c r="C149" s="31">
        <v>6</v>
      </c>
      <c r="D149" s="31">
        <v>92</v>
      </c>
      <c r="E149" s="31">
        <v>274535</v>
      </c>
      <c r="F149" s="32">
        <v>1</v>
      </c>
      <c r="H149" s="52"/>
      <c r="I149" s="52"/>
      <c r="J149" s="52"/>
    </row>
    <row r="150" spans="1:10" s="51" customFormat="1" ht="18" customHeight="1" x14ac:dyDescent="0.25">
      <c r="A150" s="28" t="s">
        <v>435</v>
      </c>
      <c r="B150" s="29" t="s">
        <v>113</v>
      </c>
      <c r="C150" s="31">
        <v>4</v>
      </c>
      <c r="D150" s="31">
        <v>98</v>
      </c>
      <c r="E150" s="31">
        <v>151303</v>
      </c>
      <c r="F150" s="32">
        <v>1</v>
      </c>
      <c r="H150" s="52"/>
      <c r="I150" s="52"/>
      <c r="J150" s="52"/>
    </row>
    <row r="151" spans="1:10" s="51" customFormat="1" ht="18" customHeight="1" x14ac:dyDescent="0.25">
      <c r="A151" s="28" t="s">
        <v>436</v>
      </c>
      <c r="B151" s="29" t="s">
        <v>112</v>
      </c>
      <c r="C151" s="31">
        <v>3</v>
      </c>
      <c r="D151" s="31">
        <v>93</v>
      </c>
      <c r="E151" s="31">
        <v>127718</v>
      </c>
      <c r="F151" s="32">
        <v>2</v>
      </c>
      <c r="H151" s="52"/>
      <c r="I151" s="52"/>
      <c r="J151" s="52"/>
    </row>
    <row r="152" spans="1:10" s="51" customFormat="1" ht="18" customHeight="1" x14ac:dyDescent="0.25">
      <c r="A152" s="28" t="s">
        <v>437</v>
      </c>
      <c r="B152" s="29" t="s">
        <v>111</v>
      </c>
      <c r="C152" s="31">
        <v>1</v>
      </c>
      <c r="D152" s="31">
        <v>73</v>
      </c>
      <c r="E152" s="31" t="s">
        <v>287</v>
      </c>
      <c r="F152" s="32">
        <v>1</v>
      </c>
      <c r="H152" s="52"/>
      <c r="I152" s="52"/>
      <c r="J152" s="52"/>
    </row>
    <row r="153" spans="1:10" s="51" customFormat="1" ht="18" customHeight="1" x14ac:dyDescent="0.25">
      <c r="A153" s="28" t="s">
        <v>438</v>
      </c>
      <c r="B153" s="29" t="s">
        <v>110</v>
      </c>
      <c r="C153" s="31">
        <v>5</v>
      </c>
      <c r="D153" s="31">
        <v>267</v>
      </c>
      <c r="E153" s="31">
        <v>730728</v>
      </c>
      <c r="F153" s="32">
        <v>3</v>
      </c>
      <c r="H153" s="52"/>
      <c r="I153" s="52"/>
      <c r="J153" s="52"/>
    </row>
    <row r="154" spans="1:10" s="51" customFormat="1" ht="18" customHeight="1" x14ac:dyDescent="0.25">
      <c r="A154" s="28" t="s">
        <v>439</v>
      </c>
      <c r="B154" s="29" t="s">
        <v>109</v>
      </c>
      <c r="C154" s="31">
        <v>9</v>
      </c>
      <c r="D154" s="31">
        <v>571</v>
      </c>
      <c r="E154" s="31">
        <v>1217514</v>
      </c>
      <c r="F154" s="32">
        <v>5</v>
      </c>
      <c r="H154" s="52"/>
      <c r="I154" s="52"/>
      <c r="J154" s="52"/>
    </row>
    <row r="155" spans="1:10" s="51" customFormat="1" ht="18" customHeight="1" x14ac:dyDescent="0.25">
      <c r="A155" s="28" t="s">
        <v>440</v>
      </c>
      <c r="B155" s="29" t="s">
        <v>108</v>
      </c>
      <c r="C155" s="31">
        <v>5</v>
      </c>
      <c r="D155" s="31">
        <v>82</v>
      </c>
      <c r="E155" s="31">
        <v>176677</v>
      </c>
      <c r="F155" s="32">
        <v>0</v>
      </c>
      <c r="H155" s="52"/>
      <c r="I155" s="52"/>
      <c r="J155" s="52"/>
    </row>
    <row r="156" spans="1:10" s="51" customFormat="1" ht="18" customHeight="1" x14ac:dyDescent="0.25">
      <c r="A156" s="28" t="s">
        <v>441</v>
      </c>
      <c r="B156" s="29" t="s">
        <v>277</v>
      </c>
      <c r="C156" s="31">
        <v>28</v>
      </c>
      <c r="D156" s="31">
        <v>592</v>
      </c>
      <c r="E156" s="31">
        <v>504921</v>
      </c>
      <c r="F156" s="32">
        <v>7</v>
      </c>
      <c r="H156" s="52"/>
      <c r="I156" s="52"/>
      <c r="J156" s="52"/>
    </row>
    <row r="157" spans="1:10" s="51" customFormat="1" ht="18" customHeight="1" x14ac:dyDescent="0.25">
      <c r="A157" s="28" t="s">
        <v>442</v>
      </c>
      <c r="B157" s="29" t="s">
        <v>107</v>
      </c>
      <c r="C157" s="31">
        <v>7</v>
      </c>
      <c r="D157" s="31">
        <v>2697</v>
      </c>
      <c r="E157" s="31">
        <v>11525487</v>
      </c>
      <c r="F157" s="32">
        <v>5</v>
      </c>
      <c r="H157" s="52"/>
      <c r="I157" s="52"/>
      <c r="J157" s="52"/>
    </row>
    <row r="158" spans="1:10" s="51" customFormat="1" ht="18" customHeight="1" x14ac:dyDescent="0.25">
      <c r="A158" s="28" t="s">
        <v>443</v>
      </c>
      <c r="B158" s="29" t="s">
        <v>106</v>
      </c>
      <c r="C158" s="31">
        <v>21</v>
      </c>
      <c r="D158" s="31">
        <v>2250</v>
      </c>
      <c r="E158" s="31">
        <v>15677180</v>
      </c>
      <c r="F158" s="32">
        <v>9</v>
      </c>
      <c r="H158" s="52"/>
      <c r="I158" s="52"/>
      <c r="J158" s="52"/>
    </row>
    <row r="159" spans="1:10" s="51" customFormat="1" ht="18" customHeight="1" x14ac:dyDescent="0.25">
      <c r="A159" s="28" t="s">
        <v>444</v>
      </c>
      <c r="B159" s="29" t="s">
        <v>105</v>
      </c>
      <c r="C159" s="31">
        <v>1</v>
      </c>
      <c r="D159" s="31">
        <v>8</v>
      </c>
      <c r="E159" s="31" t="s">
        <v>287</v>
      </c>
      <c r="F159" s="32">
        <v>0</v>
      </c>
      <c r="H159" s="52"/>
      <c r="I159" s="52"/>
      <c r="J159" s="52"/>
    </row>
    <row r="160" spans="1:10" s="51" customFormat="1" ht="18" customHeight="1" x14ac:dyDescent="0.25">
      <c r="A160" s="28" t="s">
        <v>445</v>
      </c>
      <c r="B160" s="29" t="s">
        <v>104</v>
      </c>
      <c r="C160" s="31">
        <v>9</v>
      </c>
      <c r="D160" s="31">
        <v>103</v>
      </c>
      <c r="E160" s="31">
        <v>104531</v>
      </c>
      <c r="F160" s="32">
        <v>0</v>
      </c>
      <c r="H160" s="52"/>
      <c r="I160" s="52"/>
      <c r="J160" s="52"/>
    </row>
    <row r="161" spans="1:10" s="51" customFormat="1" ht="18" customHeight="1" x14ac:dyDescent="0.25">
      <c r="A161" s="28" t="s">
        <v>446</v>
      </c>
      <c r="B161" s="29" t="s">
        <v>103</v>
      </c>
      <c r="C161" s="31">
        <v>2</v>
      </c>
      <c r="D161" s="31">
        <v>14</v>
      </c>
      <c r="E161" s="31" t="s">
        <v>287</v>
      </c>
      <c r="F161" s="32">
        <v>0</v>
      </c>
      <c r="H161" s="52"/>
      <c r="I161" s="52"/>
      <c r="J161" s="52"/>
    </row>
    <row r="162" spans="1:10" s="51" customFormat="1" ht="18" customHeight="1" x14ac:dyDescent="0.25">
      <c r="A162" s="28" t="s">
        <v>447</v>
      </c>
      <c r="B162" s="29" t="s">
        <v>102</v>
      </c>
      <c r="C162" s="31">
        <v>4</v>
      </c>
      <c r="D162" s="31">
        <v>86</v>
      </c>
      <c r="E162" s="31">
        <v>63771</v>
      </c>
      <c r="F162" s="32">
        <v>1</v>
      </c>
      <c r="H162" s="52"/>
      <c r="I162" s="52"/>
      <c r="J162" s="52"/>
    </row>
    <row r="163" spans="1:10" s="51" customFormat="1" ht="18" customHeight="1" x14ac:dyDescent="0.25">
      <c r="A163" s="28" t="s">
        <v>448</v>
      </c>
      <c r="B163" s="29" t="s">
        <v>101</v>
      </c>
      <c r="C163" s="31">
        <v>17</v>
      </c>
      <c r="D163" s="31">
        <v>356</v>
      </c>
      <c r="E163" s="31">
        <v>622169</v>
      </c>
      <c r="F163" s="32">
        <v>4</v>
      </c>
      <c r="H163" s="52"/>
      <c r="I163" s="52"/>
      <c r="J163" s="52"/>
    </row>
    <row r="164" spans="1:10" s="51" customFormat="1" ht="18" customHeight="1" x14ac:dyDescent="0.25">
      <c r="A164" s="28" t="s">
        <v>449</v>
      </c>
      <c r="B164" s="29" t="s">
        <v>100</v>
      </c>
      <c r="C164" s="31">
        <v>2</v>
      </c>
      <c r="D164" s="31">
        <v>27</v>
      </c>
      <c r="E164" s="31" t="s">
        <v>287</v>
      </c>
      <c r="F164" s="32">
        <v>0</v>
      </c>
      <c r="H164" s="52"/>
      <c r="I164" s="52"/>
      <c r="J164" s="52"/>
    </row>
    <row r="165" spans="1:10" s="51" customFormat="1" ht="18" customHeight="1" x14ac:dyDescent="0.25">
      <c r="A165" s="28" t="s">
        <v>450</v>
      </c>
      <c r="B165" s="29" t="s">
        <v>99</v>
      </c>
      <c r="C165" s="31">
        <v>1</v>
      </c>
      <c r="D165" s="31">
        <v>12</v>
      </c>
      <c r="E165" s="31" t="s">
        <v>287</v>
      </c>
      <c r="F165" s="32">
        <v>0</v>
      </c>
      <c r="H165" s="52"/>
      <c r="I165" s="52"/>
      <c r="J165" s="52"/>
    </row>
    <row r="166" spans="1:10" s="51" customFormat="1" ht="18" customHeight="1" x14ac:dyDescent="0.25">
      <c r="A166" s="28" t="s">
        <v>451</v>
      </c>
      <c r="B166" s="29" t="s">
        <v>98</v>
      </c>
      <c r="C166" s="31">
        <v>1</v>
      </c>
      <c r="D166" s="31">
        <v>16</v>
      </c>
      <c r="E166" s="31" t="s">
        <v>287</v>
      </c>
      <c r="F166" s="32">
        <v>0</v>
      </c>
      <c r="H166" s="52"/>
      <c r="I166" s="52"/>
      <c r="J166" s="52"/>
    </row>
    <row r="167" spans="1:10" s="51" customFormat="1" ht="18" customHeight="1" x14ac:dyDescent="0.25">
      <c r="A167" s="28" t="s">
        <v>452</v>
      </c>
      <c r="B167" s="29" t="s">
        <v>278</v>
      </c>
      <c r="C167" s="31">
        <v>2</v>
      </c>
      <c r="D167" s="31">
        <v>29</v>
      </c>
      <c r="E167" s="31" t="s">
        <v>287</v>
      </c>
      <c r="F167" s="32">
        <v>0</v>
      </c>
      <c r="H167" s="52"/>
      <c r="I167" s="52"/>
      <c r="J167" s="52"/>
    </row>
    <row r="168" spans="1:10" s="51" customFormat="1" ht="18" customHeight="1" x14ac:dyDescent="0.25">
      <c r="A168" s="28" t="s">
        <v>453</v>
      </c>
      <c r="B168" s="29" t="s">
        <v>279</v>
      </c>
      <c r="C168" s="31">
        <v>1</v>
      </c>
      <c r="D168" s="31">
        <v>4</v>
      </c>
      <c r="E168" s="31" t="s">
        <v>287</v>
      </c>
      <c r="F168" s="32">
        <v>0</v>
      </c>
      <c r="H168" s="52"/>
      <c r="I168" s="52"/>
      <c r="J168" s="52"/>
    </row>
    <row r="169" spans="1:10" s="51" customFormat="1" ht="18" customHeight="1" x14ac:dyDescent="0.25">
      <c r="A169" s="28" t="s">
        <v>454</v>
      </c>
      <c r="B169" s="29" t="s">
        <v>97</v>
      </c>
      <c r="C169" s="31">
        <v>1</v>
      </c>
      <c r="D169" s="31">
        <v>10</v>
      </c>
      <c r="E169" s="31" t="s">
        <v>287</v>
      </c>
      <c r="F169" s="32">
        <v>0</v>
      </c>
      <c r="H169" s="52"/>
      <c r="I169" s="52"/>
      <c r="J169" s="52"/>
    </row>
    <row r="170" spans="1:10" s="51" customFormat="1" ht="18" customHeight="1" x14ac:dyDescent="0.25">
      <c r="A170" s="28" t="s">
        <v>455</v>
      </c>
      <c r="B170" s="29" t="s">
        <v>96</v>
      </c>
      <c r="C170" s="31">
        <v>1</v>
      </c>
      <c r="D170" s="31">
        <v>40</v>
      </c>
      <c r="E170" s="31" t="s">
        <v>287</v>
      </c>
      <c r="F170" s="32">
        <v>1</v>
      </c>
      <c r="H170" s="52"/>
      <c r="I170" s="52"/>
      <c r="J170" s="52"/>
    </row>
    <row r="171" spans="1:10" s="51" customFormat="1" ht="18" customHeight="1" x14ac:dyDescent="0.25">
      <c r="A171" s="28" t="s">
        <v>456</v>
      </c>
      <c r="B171" s="29" t="s">
        <v>280</v>
      </c>
      <c r="C171" s="31">
        <v>2</v>
      </c>
      <c r="D171" s="31">
        <v>254</v>
      </c>
      <c r="E171" s="31" t="s">
        <v>287</v>
      </c>
      <c r="F171" s="32">
        <v>1</v>
      </c>
      <c r="H171" s="52"/>
      <c r="I171" s="52"/>
      <c r="J171" s="52"/>
    </row>
    <row r="172" spans="1:10" s="51" customFormat="1" ht="18" customHeight="1" x14ac:dyDescent="0.25">
      <c r="A172" s="28" t="s">
        <v>457</v>
      </c>
      <c r="B172" s="29" t="s">
        <v>95</v>
      </c>
      <c r="C172" s="31">
        <v>4</v>
      </c>
      <c r="D172" s="31">
        <v>338</v>
      </c>
      <c r="E172" s="31">
        <v>1196183</v>
      </c>
      <c r="F172" s="32">
        <v>3</v>
      </c>
      <c r="H172" s="52"/>
      <c r="I172" s="52"/>
      <c r="J172" s="52"/>
    </row>
    <row r="173" spans="1:10" s="51" customFormat="1" ht="18" customHeight="1" x14ac:dyDescent="0.25">
      <c r="A173" s="28" t="s">
        <v>458</v>
      </c>
      <c r="B173" s="29" t="s">
        <v>94</v>
      </c>
      <c r="C173" s="31">
        <v>1</v>
      </c>
      <c r="D173" s="31">
        <v>49</v>
      </c>
      <c r="E173" s="31" t="s">
        <v>287</v>
      </c>
      <c r="F173" s="32">
        <v>1</v>
      </c>
      <c r="H173" s="52"/>
      <c r="I173" s="52"/>
      <c r="J173" s="52"/>
    </row>
    <row r="174" spans="1:10" s="51" customFormat="1" ht="18" customHeight="1" x14ac:dyDescent="0.25">
      <c r="A174" s="28" t="s">
        <v>459</v>
      </c>
      <c r="B174" s="29" t="s">
        <v>93</v>
      </c>
      <c r="C174" s="31">
        <v>2</v>
      </c>
      <c r="D174" s="31">
        <v>105</v>
      </c>
      <c r="E174" s="31" t="s">
        <v>287</v>
      </c>
      <c r="F174" s="32">
        <v>1</v>
      </c>
      <c r="H174" s="52"/>
      <c r="I174" s="52"/>
      <c r="J174" s="52"/>
    </row>
    <row r="175" spans="1:10" s="51" customFormat="1" ht="18" customHeight="1" x14ac:dyDescent="0.25">
      <c r="A175" s="28" t="s">
        <v>460</v>
      </c>
      <c r="B175" s="29" t="s">
        <v>281</v>
      </c>
      <c r="C175" s="31">
        <v>1</v>
      </c>
      <c r="D175" s="31">
        <v>11</v>
      </c>
      <c r="E175" s="31" t="s">
        <v>287</v>
      </c>
      <c r="F175" s="32">
        <v>0</v>
      </c>
      <c r="H175" s="52"/>
      <c r="I175" s="52"/>
      <c r="J175" s="52"/>
    </row>
    <row r="176" spans="1:10" s="51" customFormat="1" ht="18" customHeight="1" x14ac:dyDescent="0.25">
      <c r="A176" s="28" t="s">
        <v>461</v>
      </c>
      <c r="B176" s="29" t="s">
        <v>92</v>
      </c>
      <c r="C176" s="31">
        <v>3</v>
      </c>
      <c r="D176" s="31">
        <v>2461</v>
      </c>
      <c r="E176" s="31">
        <v>8411943</v>
      </c>
      <c r="F176" s="32">
        <v>2</v>
      </c>
      <c r="H176" s="52"/>
      <c r="I176" s="52"/>
      <c r="J176" s="52"/>
    </row>
    <row r="177" spans="1:10" s="51" customFormat="1" ht="18" customHeight="1" x14ac:dyDescent="0.25">
      <c r="A177" s="28" t="s">
        <v>462</v>
      </c>
      <c r="B177" s="29" t="s">
        <v>91</v>
      </c>
      <c r="C177" s="31">
        <v>2</v>
      </c>
      <c r="D177" s="31">
        <v>21</v>
      </c>
      <c r="E177" s="31" t="s">
        <v>287</v>
      </c>
      <c r="F177" s="32">
        <v>0</v>
      </c>
      <c r="H177" s="52"/>
      <c r="I177" s="52"/>
      <c r="J177" s="52"/>
    </row>
    <row r="178" spans="1:10" s="51" customFormat="1" ht="18" customHeight="1" x14ac:dyDescent="0.25">
      <c r="A178" s="28" t="s">
        <v>463</v>
      </c>
      <c r="B178" s="29" t="s">
        <v>90</v>
      </c>
      <c r="C178" s="31">
        <v>4</v>
      </c>
      <c r="D178" s="31">
        <v>512</v>
      </c>
      <c r="E178" s="31">
        <v>711212</v>
      </c>
      <c r="F178" s="32">
        <v>4</v>
      </c>
      <c r="H178" s="52"/>
      <c r="I178" s="52"/>
      <c r="J178" s="52"/>
    </row>
    <row r="179" spans="1:10" s="51" customFormat="1" ht="18" customHeight="1" x14ac:dyDescent="0.25">
      <c r="A179" s="28" t="s">
        <v>464</v>
      </c>
      <c r="B179" s="29" t="s">
        <v>89</v>
      </c>
      <c r="C179" s="31">
        <v>16</v>
      </c>
      <c r="D179" s="31">
        <v>1302</v>
      </c>
      <c r="E179" s="31">
        <v>3471770</v>
      </c>
      <c r="F179" s="32">
        <v>11</v>
      </c>
      <c r="H179" s="52"/>
      <c r="I179" s="52"/>
      <c r="J179" s="52"/>
    </row>
    <row r="180" spans="1:10" s="51" customFormat="1" ht="18" customHeight="1" x14ac:dyDescent="0.25">
      <c r="A180" s="28" t="s">
        <v>465</v>
      </c>
      <c r="B180" s="29" t="s">
        <v>88</v>
      </c>
      <c r="C180" s="31">
        <v>1</v>
      </c>
      <c r="D180" s="31">
        <v>9</v>
      </c>
      <c r="E180" s="31" t="s">
        <v>287</v>
      </c>
      <c r="F180" s="32">
        <v>0</v>
      </c>
      <c r="H180" s="52"/>
      <c r="I180" s="52"/>
      <c r="J180" s="52"/>
    </row>
    <row r="181" spans="1:10" s="51" customFormat="1" ht="18" customHeight="1" x14ac:dyDescent="0.25">
      <c r="A181" s="28" t="s">
        <v>466</v>
      </c>
      <c r="B181" s="29" t="s">
        <v>282</v>
      </c>
      <c r="C181" s="31">
        <v>1</v>
      </c>
      <c r="D181" s="31">
        <v>16</v>
      </c>
      <c r="E181" s="31" t="s">
        <v>287</v>
      </c>
      <c r="F181" s="32">
        <v>0</v>
      </c>
      <c r="H181" s="52"/>
      <c r="I181" s="52"/>
      <c r="J181" s="52"/>
    </row>
    <row r="182" spans="1:10" s="51" customFormat="1" ht="18" customHeight="1" x14ac:dyDescent="0.25">
      <c r="A182" s="28" t="s">
        <v>467</v>
      </c>
      <c r="B182" s="29" t="s">
        <v>87</v>
      </c>
      <c r="C182" s="31">
        <v>17</v>
      </c>
      <c r="D182" s="31">
        <v>382</v>
      </c>
      <c r="E182" s="31">
        <v>387042</v>
      </c>
      <c r="F182" s="32">
        <v>3</v>
      </c>
      <c r="H182" s="52"/>
      <c r="I182" s="52"/>
      <c r="J182" s="52"/>
    </row>
    <row r="183" spans="1:10" s="51" customFormat="1" ht="18" customHeight="1" x14ac:dyDescent="0.25">
      <c r="A183" s="28" t="s">
        <v>468</v>
      </c>
      <c r="B183" s="29" t="s">
        <v>86</v>
      </c>
      <c r="C183" s="31">
        <v>1</v>
      </c>
      <c r="D183" s="31">
        <v>12</v>
      </c>
      <c r="E183" s="31" t="s">
        <v>287</v>
      </c>
      <c r="F183" s="32">
        <v>0</v>
      </c>
      <c r="H183" s="52"/>
      <c r="I183" s="52"/>
      <c r="J183" s="52"/>
    </row>
    <row r="184" spans="1:10" s="51" customFormat="1" ht="18" customHeight="1" x14ac:dyDescent="0.25">
      <c r="A184" s="28" t="s">
        <v>469</v>
      </c>
      <c r="B184" s="29" t="s">
        <v>283</v>
      </c>
      <c r="C184" s="31">
        <v>1</v>
      </c>
      <c r="D184" s="31">
        <v>8</v>
      </c>
      <c r="E184" s="31" t="s">
        <v>287</v>
      </c>
      <c r="F184" s="32">
        <v>0</v>
      </c>
      <c r="H184" s="52"/>
      <c r="I184" s="52"/>
      <c r="J184" s="52"/>
    </row>
    <row r="185" spans="1:10" s="51" customFormat="1" ht="18" customHeight="1" x14ac:dyDescent="0.25">
      <c r="A185" s="28" t="s">
        <v>470</v>
      </c>
      <c r="B185" s="29" t="s">
        <v>85</v>
      </c>
      <c r="C185" s="31">
        <v>6</v>
      </c>
      <c r="D185" s="31">
        <v>133</v>
      </c>
      <c r="E185" s="31">
        <v>108378</v>
      </c>
      <c r="F185" s="32">
        <v>2</v>
      </c>
      <c r="H185" s="52"/>
      <c r="I185" s="52"/>
      <c r="J185" s="52"/>
    </row>
    <row r="186" spans="1:10" s="51" customFormat="1" ht="18" customHeight="1" x14ac:dyDescent="0.25">
      <c r="A186" s="28" t="s">
        <v>471</v>
      </c>
      <c r="B186" s="29" t="s">
        <v>84</v>
      </c>
      <c r="C186" s="31">
        <v>1</v>
      </c>
      <c r="D186" s="31">
        <v>41</v>
      </c>
      <c r="E186" s="31" t="s">
        <v>287</v>
      </c>
      <c r="F186" s="32">
        <v>1</v>
      </c>
      <c r="H186" s="52"/>
      <c r="I186" s="52"/>
      <c r="J186" s="52"/>
    </row>
    <row r="187" spans="1:10" s="51" customFormat="1" ht="18" customHeight="1" x14ac:dyDescent="0.25">
      <c r="A187" s="15" t="s">
        <v>472</v>
      </c>
      <c r="B187" s="29" t="s">
        <v>284</v>
      </c>
      <c r="C187" s="33">
        <v>2</v>
      </c>
      <c r="D187" s="33">
        <v>39</v>
      </c>
      <c r="E187" s="31" t="s">
        <v>287</v>
      </c>
      <c r="F187" s="33">
        <v>0</v>
      </c>
      <c r="H187" s="52"/>
      <c r="I187" s="52"/>
      <c r="J187" s="52"/>
    </row>
    <row r="188" spans="1:10" s="51" customFormat="1" ht="18" customHeight="1" x14ac:dyDescent="0.25">
      <c r="A188" s="15" t="s">
        <v>473</v>
      </c>
      <c r="B188" s="22" t="s">
        <v>83</v>
      </c>
      <c r="C188" s="33">
        <v>2</v>
      </c>
      <c r="D188" s="33">
        <v>181</v>
      </c>
      <c r="E188" s="31" t="s">
        <v>287</v>
      </c>
      <c r="F188" s="33">
        <v>2</v>
      </c>
      <c r="H188" s="52"/>
      <c r="I188" s="52"/>
      <c r="J188" s="52"/>
    </row>
    <row r="189" spans="1:10" s="51" customFormat="1" ht="18" customHeight="1" x14ac:dyDescent="0.25">
      <c r="A189" s="15" t="s">
        <v>474</v>
      </c>
      <c r="B189" s="22" t="s">
        <v>285</v>
      </c>
      <c r="C189" s="33">
        <v>1</v>
      </c>
      <c r="D189" s="33">
        <v>4</v>
      </c>
      <c r="E189" s="31" t="s">
        <v>287</v>
      </c>
      <c r="F189" s="33">
        <v>0</v>
      </c>
      <c r="H189" s="52"/>
      <c r="I189" s="52"/>
      <c r="J189" s="52"/>
    </row>
    <row r="190" spans="1:10" s="51" customFormat="1" ht="18" customHeight="1" x14ac:dyDescent="0.25">
      <c r="A190" s="15" t="s">
        <v>475</v>
      </c>
      <c r="B190" s="22" t="s">
        <v>82</v>
      </c>
      <c r="C190" s="33">
        <v>1</v>
      </c>
      <c r="D190" s="33">
        <v>23</v>
      </c>
      <c r="E190" s="31" t="s">
        <v>287</v>
      </c>
      <c r="F190" s="33">
        <v>0</v>
      </c>
      <c r="H190" s="52"/>
      <c r="I190" s="52"/>
      <c r="J190" s="52"/>
    </row>
    <row r="191" spans="1:10" s="51" customFormat="1" ht="18" customHeight="1" x14ac:dyDescent="0.25">
      <c r="A191" s="15" t="s">
        <v>476</v>
      </c>
      <c r="B191" s="22" t="s">
        <v>286</v>
      </c>
      <c r="C191" s="33">
        <v>1</v>
      </c>
      <c r="D191" s="33">
        <v>18</v>
      </c>
      <c r="E191" s="31" t="s">
        <v>287</v>
      </c>
      <c r="F191" s="33">
        <v>0</v>
      </c>
      <c r="H191" s="52"/>
      <c r="I191" s="52"/>
      <c r="J191" s="52"/>
    </row>
    <row r="192" spans="1:10" s="51" customFormat="1" ht="18" customHeight="1" x14ac:dyDescent="0.25">
      <c r="A192" s="15" t="s">
        <v>477</v>
      </c>
      <c r="B192" s="22" t="s">
        <v>81</v>
      </c>
      <c r="C192" s="33">
        <v>5</v>
      </c>
      <c r="D192" s="33">
        <v>726</v>
      </c>
      <c r="E192" s="33">
        <v>733654</v>
      </c>
      <c r="F192" s="33">
        <v>4</v>
      </c>
      <c r="H192" s="52"/>
      <c r="I192" s="52"/>
      <c r="J192" s="52"/>
    </row>
    <row r="193" spans="1:15" s="51" customFormat="1" ht="18" customHeight="1" x14ac:dyDescent="0.25">
      <c r="A193" s="15" t="s">
        <v>478</v>
      </c>
      <c r="B193" s="22" t="s">
        <v>80</v>
      </c>
      <c r="C193" s="33">
        <v>18</v>
      </c>
      <c r="D193" s="33">
        <v>1130</v>
      </c>
      <c r="E193" s="33">
        <v>2458187</v>
      </c>
      <c r="F193" s="33">
        <v>9</v>
      </c>
      <c r="H193" s="52"/>
      <c r="I193" s="52"/>
      <c r="J193" s="52"/>
    </row>
    <row r="194" spans="1:15" s="51" customFormat="1" ht="18" customHeight="1" x14ac:dyDescent="0.25">
      <c r="A194" s="15" t="s">
        <v>479</v>
      </c>
      <c r="B194" s="22" t="s">
        <v>79</v>
      </c>
      <c r="C194" s="33">
        <v>1</v>
      </c>
      <c r="D194" s="33">
        <v>111</v>
      </c>
      <c r="E194" s="31" t="s">
        <v>287</v>
      </c>
      <c r="F194" s="33">
        <v>1</v>
      </c>
      <c r="H194" s="52"/>
      <c r="I194" s="52"/>
      <c r="J194" s="52"/>
    </row>
    <row r="195" spans="1:15" s="51" customFormat="1" ht="18" customHeight="1" x14ac:dyDescent="0.25">
      <c r="A195" s="15" t="s">
        <v>480</v>
      </c>
      <c r="B195" s="22" t="s">
        <v>78</v>
      </c>
      <c r="C195" s="33">
        <v>1</v>
      </c>
      <c r="D195" s="33">
        <v>17</v>
      </c>
      <c r="E195" s="31" t="s">
        <v>287</v>
      </c>
      <c r="F195" s="33">
        <v>0</v>
      </c>
      <c r="H195" s="52"/>
      <c r="I195" s="52"/>
      <c r="J195" s="52"/>
    </row>
    <row r="196" spans="1:15" s="51" customFormat="1" ht="18" customHeight="1" x14ac:dyDescent="0.25">
      <c r="A196" s="15" t="s">
        <v>481</v>
      </c>
      <c r="B196" s="22" t="s">
        <v>77</v>
      </c>
      <c r="C196" s="33">
        <v>1</v>
      </c>
      <c r="D196" s="33">
        <v>44</v>
      </c>
      <c r="E196" s="31" t="s">
        <v>287</v>
      </c>
      <c r="F196" s="33">
        <v>1</v>
      </c>
      <c r="H196" s="52"/>
      <c r="I196" s="52"/>
      <c r="J196" s="52"/>
    </row>
    <row r="197" spans="1:15" s="51" customFormat="1" ht="18" customHeight="1" x14ac:dyDescent="0.25">
      <c r="A197" s="15" t="s">
        <v>482</v>
      </c>
      <c r="B197" s="22" t="s">
        <v>76</v>
      </c>
      <c r="C197" s="33">
        <v>1</v>
      </c>
      <c r="D197" s="33">
        <v>7</v>
      </c>
      <c r="E197" s="31" t="s">
        <v>287</v>
      </c>
      <c r="F197" s="33">
        <v>0</v>
      </c>
      <c r="H197" s="52"/>
      <c r="I197" s="52"/>
      <c r="J197" s="52"/>
    </row>
    <row r="198" spans="1:15" s="51" customFormat="1" ht="18" customHeight="1" x14ac:dyDescent="0.25">
      <c r="A198" s="15" t="s">
        <v>483</v>
      </c>
      <c r="B198" s="22" t="s">
        <v>75</v>
      </c>
      <c r="C198" s="33">
        <v>2</v>
      </c>
      <c r="D198" s="33">
        <v>10</v>
      </c>
      <c r="E198" s="31" t="s">
        <v>287</v>
      </c>
      <c r="F198" s="33">
        <v>0</v>
      </c>
      <c r="H198" s="52"/>
      <c r="I198" s="52"/>
      <c r="J198" s="52"/>
    </row>
    <row r="199" spans="1:15" s="51" customFormat="1" ht="18" customHeight="1" x14ac:dyDescent="0.25">
      <c r="A199" s="15" t="s">
        <v>484</v>
      </c>
      <c r="B199" s="22" t="s">
        <v>74</v>
      </c>
      <c r="C199" s="33">
        <v>1</v>
      </c>
      <c r="D199" s="33">
        <v>5</v>
      </c>
      <c r="E199" s="31" t="s">
        <v>287</v>
      </c>
      <c r="F199" s="33">
        <v>0</v>
      </c>
      <c r="H199" s="52"/>
      <c r="I199" s="52"/>
      <c r="J199" s="52"/>
    </row>
    <row r="200" spans="1:15" s="51" customFormat="1" ht="18" customHeight="1" x14ac:dyDescent="0.25">
      <c r="A200" s="15" t="s">
        <v>485</v>
      </c>
      <c r="B200" s="22" t="s">
        <v>73</v>
      </c>
      <c r="C200" s="33">
        <v>12</v>
      </c>
      <c r="D200" s="33">
        <v>83</v>
      </c>
      <c r="E200" s="33">
        <v>119371</v>
      </c>
      <c r="F200" s="33">
        <v>0</v>
      </c>
      <c r="H200" s="52"/>
      <c r="I200" s="52"/>
      <c r="J200" s="52"/>
    </row>
    <row r="201" spans="1:15" s="51" customFormat="1" ht="18" customHeight="1" x14ac:dyDescent="0.25">
      <c r="A201" s="15" t="s">
        <v>486</v>
      </c>
      <c r="B201" s="22" t="s">
        <v>72</v>
      </c>
      <c r="C201" s="33">
        <v>1</v>
      </c>
      <c r="D201" s="33">
        <v>179</v>
      </c>
      <c r="E201" s="31" t="s">
        <v>287</v>
      </c>
      <c r="F201" s="33">
        <v>1</v>
      </c>
      <c r="H201" s="52"/>
      <c r="I201" s="52"/>
      <c r="J201" s="52"/>
    </row>
    <row r="202" spans="1:15" s="51" customFormat="1" ht="18" customHeight="1" x14ac:dyDescent="0.25">
      <c r="A202" s="15" t="s">
        <v>487</v>
      </c>
      <c r="B202" s="22" t="s">
        <v>488</v>
      </c>
      <c r="C202" s="33">
        <v>780</v>
      </c>
      <c r="D202" s="33">
        <v>41824</v>
      </c>
      <c r="E202" s="33">
        <v>135090124</v>
      </c>
      <c r="F202" s="33">
        <v>264</v>
      </c>
      <c r="H202" s="52"/>
      <c r="I202" s="52"/>
      <c r="J202" s="52"/>
    </row>
    <row r="203" spans="1:15" s="17" customFormat="1" x14ac:dyDescent="0.25">
      <c r="A203" s="49" t="s">
        <v>503</v>
      </c>
      <c r="B203" s="4"/>
      <c r="C203" s="2"/>
      <c r="D203" s="2"/>
      <c r="E203" s="2"/>
      <c r="F203" s="2"/>
      <c r="G203" s="2"/>
      <c r="H203" s="2"/>
      <c r="I203" s="2"/>
      <c r="J203" s="2"/>
      <c r="K203" s="2"/>
      <c r="L203" s="2"/>
      <c r="M203" s="2"/>
      <c r="N203" s="2"/>
      <c r="O203" s="19"/>
    </row>
    <row r="204" spans="1:15" s="17" customFormat="1" x14ac:dyDescent="0.25">
      <c r="A204" s="10" t="s">
        <v>509</v>
      </c>
      <c r="C204" s="18"/>
      <c r="D204" s="18"/>
      <c r="E204" s="18"/>
      <c r="F204" s="18"/>
      <c r="G204" s="18"/>
      <c r="H204" s="18"/>
      <c r="I204" s="18"/>
      <c r="J204" s="18"/>
      <c r="K204" s="18"/>
      <c r="L204" s="18"/>
      <c r="M204" s="18"/>
      <c r="N204" s="18"/>
    </row>
  </sheetData>
  <mergeCells count="1">
    <mergeCell ref="A1:F1"/>
  </mergeCells>
  <phoneticPr fontId="3"/>
  <pageMargins left="1.22" right="0.59055118110236227" top="0.26" bottom="0.22" header="0.39370078740157483" footer="0.21"/>
  <pageSetup paperSize="9" scale="65" fitToHeight="0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32"/>
  <sheetViews>
    <sheetView view="pageBreakPreview" zoomScaleNormal="100" zoomScaleSheetLayoutView="100" workbookViewId="0">
      <pane xSplit="2" ySplit="4" topLeftCell="C5" activePane="bottomRight" state="frozen"/>
      <selection pane="topRight"/>
      <selection pane="bottomLeft"/>
      <selection pane="bottomRight" sqref="A1:XFD1048576"/>
    </sheetView>
  </sheetViews>
  <sheetFormatPr defaultColWidth="9" defaultRowHeight="12.75" x14ac:dyDescent="0.25"/>
  <cols>
    <col min="1" max="1" width="3.19921875" style="190" customWidth="1"/>
    <col min="2" max="2" width="30.6640625" style="191" customWidth="1"/>
    <col min="3" max="11" width="15.6640625" style="191" customWidth="1"/>
    <col min="12" max="16384" width="9" style="190"/>
  </cols>
  <sheetData>
    <row r="1" spans="1:11" s="189" customFormat="1" ht="14.25" x14ac:dyDescent="0.3">
      <c r="A1" s="188" t="s">
        <v>504</v>
      </c>
      <c r="B1" s="188"/>
      <c r="C1" s="188"/>
      <c r="D1" s="188"/>
      <c r="E1" s="188"/>
      <c r="F1" s="188"/>
      <c r="G1" s="188"/>
      <c r="H1" s="188"/>
      <c r="I1" s="188"/>
      <c r="J1" s="188"/>
      <c r="K1" s="188"/>
    </row>
    <row r="2" spans="1:11" ht="13.15" thickBot="1" x14ac:dyDescent="0.3">
      <c r="C2" s="192"/>
      <c r="D2" s="192"/>
      <c r="E2" s="192"/>
      <c r="F2" s="192"/>
      <c r="G2" s="192"/>
      <c r="H2" s="192"/>
      <c r="I2" s="192"/>
      <c r="J2" s="193" t="s">
        <v>31</v>
      </c>
      <c r="K2" s="193"/>
    </row>
    <row r="3" spans="1:11" x14ac:dyDescent="0.25">
      <c r="A3" s="194" t="s">
        <v>30</v>
      </c>
      <c r="B3" s="195"/>
      <c r="C3" s="196" t="s">
        <v>249</v>
      </c>
      <c r="D3" s="196" t="s">
        <v>248</v>
      </c>
      <c r="E3" s="197" t="s">
        <v>247</v>
      </c>
      <c r="F3" s="198"/>
      <c r="G3" s="198"/>
      <c r="H3" s="199"/>
      <c r="I3" s="200" t="s">
        <v>29</v>
      </c>
      <c r="J3" s="200" t="s">
        <v>498</v>
      </c>
      <c r="K3" s="201" t="s">
        <v>246</v>
      </c>
    </row>
    <row r="4" spans="1:11" x14ac:dyDescent="0.25">
      <c r="A4" s="202"/>
      <c r="B4" s="203"/>
      <c r="C4" s="204" t="s">
        <v>245</v>
      </c>
      <c r="D4" s="204" t="s">
        <v>244</v>
      </c>
      <c r="E4" s="204" t="s">
        <v>243</v>
      </c>
      <c r="F4" s="205" t="s">
        <v>27</v>
      </c>
      <c r="G4" s="205" t="s">
        <v>26</v>
      </c>
      <c r="H4" s="205" t="s">
        <v>25</v>
      </c>
      <c r="I4" s="206"/>
      <c r="J4" s="206"/>
      <c r="K4" s="207"/>
    </row>
    <row r="5" spans="1:11" x14ac:dyDescent="0.25">
      <c r="A5" s="208"/>
      <c r="B5" s="209" t="s">
        <v>24</v>
      </c>
      <c r="C5" s="210">
        <v>18798941</v>
      </c>
      <c r="D5" s="210">
        <v>73195081</v>
      </c>
      <c r="E5" s="210">
        <v>135090124</v>
      </c>
      <c r="F5" s="210">
        <v>114267160</v>
      </c>
      <c r="G5" s="210">
        <v>9493154</v>
      </c>
      <c r="H5" s="210">
        <v>11324003</v>
      </c>
      <c r="I5" s="210">
        <v>123665638</v>
      </c>
      <c r="J5" s="210">
        <v>52084146</v>
      </c>
      <c r="K5" s="210">
        <v>8942528</v>
      </c>
    </row>
    <row r="6" spans="1:11" s="214" customFormat="1" x14ac:dyDescent="0.25">
      <c r="A6" s="211">
        <v>9</v>
      </c>
      <c r="B6" s="212" t="s">
        <v>23</v>
      </c>
      <c r="C6" s="213">
        <v>920846</v>
      </c>
      <c r="D6" s="213">
        <v>3734667</v>
      </c>
      <c r="E6" s="213">
        <v>6170785</v>
      </c>
      <c r="F6" s="213">
        <v>5547823</v>
      </c>
      <c r="G6" s="213">
        <v>117316</v>
      </c>
      <c r="H6" s="213">
        <v>505646</v>
      </c>
      <c r="I6" s="213">
        <v>5693607</v>
      </c>
      <c r="J6" s="213">
        <v>2002616</v>
      </c>
      <c r="K6" s="213">
        <v>157064</v>
      </c>
    </row>
    <row r="7" spans="1:11" s="214" customFormat="1" x14ac:dyDescent="0.25">
      <c r="A7" s="211">
        <v>10</v>
      </c>
      <c r="B7" s="212" t="s">
        <v>22</v>
      </c>
      <c r="C7" s="215">
        <v>124915</v>
      </c>
      <c r="D7" s="215">
        <v>810535</v>
      </c>
      <c r="E7" s="215">
        <v>1187981</v>
      </c>
      <c r="F7" s="215">
        <v>1170659</v>
      </c>
      <c r="G7" s="215" t="s">
        <v>287</v>
      </c>
      <c r="H7" s="215">
        <v>17322</v>
      </c>
      <c r="I7" s="215">
        <v>1156902</v>
      </c>
      <c r="J7" s="215">
        <v>281164</v>
      </c>
      <c r="K7" s="215" t="s">
        <v>287</v>
      </c>
    </row>
    <row r="8" spans="1:11" s="214" customFormat="1" x14ac:dyDescent="0.25">
      <c r="A8" s="211">
        <v>11</v>
      </c>
      <c r="B8" s="212" t="s">
        <v>21</v>
      </c>
      <c r="C8" s="213">
        <v>140777</v>
      </c>
      <c r="D8" s="213">
        <v>242566</v>
      </c>
      <c r="E8" s="213">
        <v>606022</v>
      </c>
      <c r="F8" s="213">
        <v>148679</v>
      </c>
      <c r="G8" s="213">
        <v>397468</v>
      </c>
      <c r="H8" s="213">
        <v>59777</v>
      </c>
      <c r="I8" s="213">
        <v>542073</v>
      </c>
      <c r="J8" s="213">
        <v>281925</v>
      </c>
      <c r="K8" s="215">
        <v>50657</v>
      </c>
    </row>
    <row r="9" spans="1:11" s="214" customFormat="1" x14ac:dyDescent="0.25">
      <c r="A9" s="211">
        <v>12</v>
      </c>
      <c r="B9" s="212" t="s">
        <v>20</v>
      </c>
      <c r="C9" s="213">
        <v>93938</v>
      </c>
      <c r="D9" s="213">
        <v>395644</v>
      </c>
      <c r="E9" s="213">
        <v>640894</v>
      </c>
      <c r="F9" s="213">
        <v>477785</v>
      </c>
      <c r="G9" s="213">
        <v>11479</v>
      </c>
      <c r="H9" s="213">
        <v>151630</v>
      </c>
      <c r="I9" s="213">
        <v>484960</v>
      </c>
      <c r="J9" s="213">
        <v>219590</v>
      </c>
      <c r="K9" s="215" t="s">
        <v>287</v>
      </c>
    </row>
    <row r="10" spans="1:11" s="214" customFormat="1" x14ac:dyDescent="0.25">
      <c r="A10" s="211">
        <v>13</v>
      </c>
      <c r="B10" s="212" t="s">
        <v>19</v>
      </c>
      <c r="C10" s="213">
        <v>74509</v>
      </c>
      <c r="D10" s="213">
        <v>142584</v>
      </c>
      <c r="E10" s="213">
        <v>236138</v>
      </c>
      <c r="F10" s="213">
        <v>225577</v>
      </c>
      <c r="G10" s="213">
        <v>6725</v>
      </c>
      <c r="H10" s="213">
        <v>3836</v>
      </c>
      <c r="I10" s="213">
        <v>234187</v>
      </c>
      <c r="J10" s="213">
        <v>77774</v>
      </c>
      <c r="K10" s="215" t="s">
        <v>287</v>
      </c>
    </row>
    <row r="11" spans="1:11" s="214" customFormat="1" x14ac:dyDescent="0.25">
      <c r="A11" s="211">
        <v>14</v>
      </c>
      <c r="B11" s="212" t="s">
        <v>18</v>
      </c>
      <c r="C11" s="213">
        <v>629893</v>
      </c>
      <c r="D11" s="213">
        <v>2830309</v>
      </c>
      <c r="E11" s="213">
        <v>5141204</v>
      </c>
      <c r="F11" s="213">
        <v>3773242</v>
      </c>
      <c r="G11" s="213">
        <v>68014</v>
      </c>
      <c r="H11" s="213">
        <v>1296559</v>
      </c>
      <c r="I11" s="213">
        <v>3834849</v>
      </c>
      <c r="J11" s="213">
        <v>1884563</v>
      </c>
      <c r="K11" s="215">
        <v>122464</v>
      </c>
    </row>
    <row r="12" spans="1:11" s="214" customFormat="1" x14ac:dyDescent="0.25">
      <c r="A12" s="211">
        <v>15</v>
      </c>
      <c r="B12" s="212" t="s">
        <v>242</v>
      </c>
      <c r="C12" s="213">
        <v>516463</v>
      </c>
      <c r="D12" s="213">
        <v>1175025</v>
      </c>
      <c r="E12" s="213">
        <v>2250943</v>
      </c>
      <c r="F12" s="213">
        <v>1905740</v>
      </c>
      <c r="G12" s="213">
        <v>134493</v>
      </c>
      <c r="H12" s="213">
        <v>210710</v>
      </c>
      <c r="I12" s="213">
        <v>2025834</v>
      </c>
      <c r="J12" s="213">
        <v>833820</v>
      </c>
      <c r="K12" s="213">
        <v>126931</v>
      </c>
    </row>
    <row r="13" spans="1:11" s="214" customFormat="1" x14ac:dyDescent="0.25">
      <c r="A13" s="211">
        <v>16</v>
      </c>
      <c r="B13" s="212" t="s">
        <v>17</v>
      </c>
      <c r="C13" s="215">
        <v>4448015</v>
      </c>
      <c r="D13" s="215">
        <v>21878319</v>
      </c>
      <c r="E13" s="215">
        <v>42008539</v>
      </c>
      <c r="F13" s="215">
        <v>31757528</v>
      </c>
      <c r="G13" s="215">
        <v>5177588</v>
      </c>
      <c r="H13" s="215">
        <v>5073376</v>
      </c>
      <c r="I13" s="215">
        <v>37482087</v>
      </c>
      <c r="J13" s="215">
        <v>16905520</v>
      </c>
      <c r="K13" s="215">
        <v>4644799</v>
      </c>
    </row>
    <row r="14" spans="1:11" s="214" customFormat="1" x14ac:dyDescent="0.25">
      <c r="A14" s="211">
        <v>17</v>
      </c>
      <c r="B14" s="212" t="s">
        <v>16</v>
      </c>
      <c r="C14" s="213">
        <v>17536</v>
      </c>
      <c r="D14" s="213">
        <v>90370</v>
      </c>
      <c r="E14" s="213">
        <v>187204</v>
      </c>
      <c r="F14" s="213">
        <v>165494</v>
      </c>
      <c r="G14" s="215">
        <v>0</v>
      </c>
      <c r="H14" s="215">
        <v>21710</v>
      </c>
      <c r="I14" s="213">
        <v>165409</v>
      </c>
      <c r="J14" s="213">
        <v>88030</v>
      </c>
      <c r="K14" s="215">
        <v>0</v>
      </c>
    </row>
    <row r="15" spans="1:11" s="214" customFormat="1" x14ac:dyDescent="0.25">
      <c r="A15" s="211">
        <v>18</v>
      </c>
      <c r="B15" s="212" t="s">
        <v>15</v>
      </c>
      <c r="C15" s="213">
        <v>868736</v>
      </c>
      <c r="D15" s="213">
        <v>2243521</v>
      </c>
      <c r="E15" s="213">
        <v>4614225</v>
      </c>
      <c r="F15" s="213">
        <v>3543993</v>
      </c>
      <c r="G15" s="213">
        <v>136049</v>
      </c>
      <c r="H15" s="213">
        <v>934183</v>
      </c>
      <c r="I15" s="213">
        <v>3660089</v>
      </c>
      <c r="J15" s="213">
        <v>1949318</v>
      </c>
      <c r="K15" s="215">
        <v>208982</v>
      </c>
    </row>
    <row r="16" spans="1:11" s="214" customFormat="1" x14ac:dyDescent="0.25">
      <c r="A16" s="211">
        <v>19</v>
      </c>
      <c r="B16" s="212" t="s">
        <v>14</v>
      </c>
      <c r="C16" s="215" t="s">
        <v>287</v>
      </c>
      <c r="D16" s="215" t="s">
        <v>287</v>
      </c>
      <c r="E16" s="215" t="s">
        <v>287</v>
      </c>
      <c r="F16" s="215" t="s">
        <v>287</v>
      </c>
      <c r="G16" s="215" t="s">
        <v>287</v>
      </c>
      <c r="H16" s="215" t="s">
        <v>287</v>
      </c>
      <c r="I16" s="215" t="s">
        <v>287</v>
      </c>
      <c r="J16" s="215" t="s">
        <v>287</v>
      </c>
      <c r="K16" s="215" t="s">
        <v>287</v>
      </c>
    </row>
    <row r="17" spans="1:14" s="214" customFormat="1" x14ac:dyDescent="0.25">
      <c r="A17" s="211">
        <v>20</v>
      </c>
      <c r="B17" s="212" t="s">
        <v>13</v>
      </c>
      <c r="C17" s="215" t="s">
        <v>287</v>
      </c>
      <c r="D17" s="215" t="s">
        <v>287</v>
      </c>
      <c r="E17" s="215" t="s">
        <v>287</v>
      </c>
      <c r="F17" s="215" t="s">
        <v>287</v>
      </c>
      <c r="G17" s="215" t="s">
        <v>287</v>
      </c>
      <c r="H17" s="215" t="s">
        <v>287</v>
      </c>
      <c r="I17" s="215" t="s">
        <v>287</v>
      </c>
      <c r="J17" s="215" t="s">
        <v>287</v>
      </c>
      <c r="K17" s="215" t="s">
        <v>287</v>
      </c>
    </row>
    <row r="18" spans="1:14" s="214" customFormat="1" x14ac:dyDescent="0.25">
      <c r="A18" s="211">
        <v>21</v>
      </c>
      <c r="B18" s="212" t="s">
        <v>12</v>
      </c>
      <c r="C18" s="215">
        <v>511348</v>
      </c>
      <c r="D18" s="215">
        <v>1869446</v>
      </c>
      <c r="E18" s="215">
        <v>3999551</v>
      </c>
      <c r="F18" s="215">
        <v>3635353</v>
      </c>
      <c r="G18" s="215">
        <v>5622</v>
      </c>
      <c r="H18" s="215">
        <v>358576</v>
      </c>
      <c r="I18" s="215">
        <v>3634417</v>
      </c>
      <c r="J18" s="215">
        <v>1841936</v>
      </c>
      <c r="K18" s="215">
        <v>456543</v>
      </c>
    </row>
    <row r="19" spans="1:14" s="214" customFormat="1" x14ac:dyDescent="0.25">
      <c r="A19" s="211">
        <v>22</v>
      </c>
      <c r="B19" s="212" t="s">
        <v>11</v>
      </c>
      <c r="C19" s="215">
        <v>408097</v>
      </c>
      <c r="D19" s="215">
        <v>1902371</v>
      </c>
      <c r="E19" s="215">
        <v>3259681</v>
      </c>
      <c r="F19" s="215">
        <v>2727890</v>
      </c>
      <c r="G19" s="215">
        <v>116034</v>
      </c>
      <c r="H19" s="215">
        <v>415757</v>
      </c>
      <c r="I19" s="215">
        <v>2940066</v>
      </c>
      <c r="J19" s="215">
        <v>1173790</v>
      </c>
      <c r="K19" s="215">
        <v>89483</v>
      </c>
    </row>
    <row r="20" spans="1:14" s="214" customFormat="1" x14ac:dyDescent="0.25">
      <c r="A20" s="211">
        <v>23</v>
      </c>
      <c r="B20" s="212" t="s">
        <v>10</v>
      </c>
      <c r="C20" s="215">
        <v>309476</v>
      </c>
      <c r="D20" s="215">
        <v>1137529</v>
      </c>
      <c r="E20" s="215">
        <v>1948318</v>
      </c>
      <c r="F20" s="215">
        <v>1824574</v>
      </c>
      <c r="G20" s="215">
        <v>62812</v>
      </c>
      <c r="H20" s="215">
        <v>60932</v>
      </c>
      <c r="I20" s="215">
        <v>1806379</v>
      </c>
      <c r="J20" s="215">
        <v>685466</v>
      </c>
      <c r="K20" s="215">
        <v>1123736</v>
      </c>
    </row>
    <row r="21" spans="1:14" s="214" customFormat="1" x14ac:dyDescent="0.25">
      <c r="A21" s="211">
        <v>24</v>
      </c>
      <c r="B21" s="212" t="s">
        <v>9</v>
      </c>
      <c r="C21" s="213">
        <v>1142997</v>
      </c>
      <c r="D21" s="213">
        <v>2779445</v>
      </c>
      <c r="E21" s="213">
        <v>5333089</v>
      </c>
      <c r="F21" s="213">
        <v>3733375</v>
      </c>
      <c r="G21" s="213">
        <v>1430524</v>
      </c>
      <c r="H21" s="213">
        <v>168182</v>
      </c>
      <c r="I21" s="213">
        <v>5275260</v>
      </c>
      <c r="J21" s="213">
        <v>2230656</v>
      </c>
      <c r="K21" s="213">
        <v>123532</v>
      </c>
    </row>
    <row r="22" spans="1:14" s="214" customFormat="1" x14ac:dyDescent="0.25">
      <c r="A22" s="211">
        <v>25</v>
      </c>
      <c r="B22" s="212" t="s">
        <v>8</v>
      </c>
      <c r="C22" s="213">
        <v>678426</v>
      </c>
      <c r="D22" s="213">
        <v>2420496</v>
      </c>
      <c r="E22" s="213">
        <v>3802980</v>
      </c>
      <c r="F22" s="213">
        <v>3298393</v>
      </c>
      <c r="G22" s="213">
        <v>352944</v>
      </c>
      <c r="H22" s="213">
        <v>151643</v>
      </c>
      <c r="I22" s="213">
        <v>3540554</v>
      </c>
      <c r="J22" s="213">
        <v>884493</v>
      </c>
      <c r="K22" s="213">
        <v>158577</v>
      </c>
    </row>
    <row r="23" spans="1:14" s="214" customFormat="1" x14ac:dyDescent="0.25">
      <c r="A23" s="211">
        <v>26</v>
      </c>
      <c r="B23" s="212" t="s">
        <v>7</v>
      </c>
      <c r="C23" s="213">
        <v>3835767</v>
      </c>
      <c r="D23" s="213">
        <v>18012229</v>
      </c>
      <c r="E23" s="213">
        <v>31030100</v>
      </c>
      <c r="F23" s="213">
        <v>30384422</v>
      </c>
      <c r="G23" s="213">
        <v>522758</v>
      </c>
      <c r="H23" s="213">
        <v>122850</v>
      </c>
      <c r="I23" s="213">
        <v>30507197</v>
      </c>
      <c r="J23" s="213">
        <v>12221244</v>
      </c>
      <c r="K23" s="213">
        <v>1053732</v>
      </c>
    </row>
    <row r="24" spans="1:14" s="214" customFormat="1" x14ac:dyDescent="0.25">
      <c r="A24" s="211">
        <v>27</v>
      </c>
      <c r="B24" s="212" t="s">
        <v>6</v>
      </c>
      <c r="C24" s="215">
        <v>61025</v>
      </c>
      <c r="D24" s="215">
        <v>96549</v>
      </c>
      <c r="E24" s="215">
        <v>196334</v>
      </c>
      <c r="F24" s="215">
        <v>155472</v>
      </c>
      <c r="G24" s="215">
        <v>2244</v>
      </c>
      <c r="H24" s="215">
        <v>38618</v>
      </c>
      <c r="I24" s="215">
        <v>156676</v>
      </c>
      <c r="J24" s="215">
        <v>91082</v>
      </c>
      <c r="K24" s="215">
        <v>0</v>
      </c>
    </row>
    <row r="25" spans="1:14" s="217" customFormat="1" ht="13.5" customHeight="1" x14ac:dyDescent="0.25">
      <c r="A25" s="211">
        <v>28</v>
      </c>
      <c r="B25" s="216" t="s">
        <v>5</v>
      </c>
      <c r="C25" s="215">
        <v>2699381</v>
      </c>
      <c r="D25" s="215">
        <v>7417250</v>
      </c>
      <c r="E25" s="215">
        <v>15077223</v>
      </c>
      <c r="F25" s="215">
        <v>13298981</v>
      </c>
      <c r="G25" s="215">
        <v>188433</v>
      </c>
      <c r="H25" s="215">
        <v>1589809</v>
      </c>
      <c r="I25" s="215">
        <v>13319953</v>
      </c>
      <c r="J25" s="215">
        <v>5627788</v>
      </c>
      <c r="K25" s="215">
        <v>447217</v>
      </c>
    </row>
    <row r="26" spans="1:14" s="214" customFormat="1" x14ac:dyDescent="0.25">
      <c r="A26" s="211">
        <v>29</v>
      </c>
      <c r="B26" s="212" t="s">
        <v>4</v>
      </c>
      <c r="C26" s="218">
        <v>220239</v>
      </c>
      <c r="D26" s="218">
        <v>333386</v>
      </c>
      <c r="E26" s="218">
        <v>646948</v>
      </c>
      <c r="F26" s="218">
        <v>505746</v>
      </c>
      <c r="G26" s="218">
        <v>109661</v>
      </c>
      <c r="H26" s="218">
        <v>30346</v>
      </c>
      <c r="I26" s="218">
        <v>619960</v>
      </c>
      <c r="J26" s="218">
        <v>281374</v>
      </c>
      <c r="K26" s="218">
        <v>1459</v>
      </c>
    </row>
    <row r="27" spans="1:14" s="214" customFormat="1" x14ac:dyDescent="0.25">
      <c r="A27" s="211">
        <v>30</v>
      </c>
      <c r="B27" s="212" t="s">
        <v>3</v>
      </c>
      <c r="C27" s="215">
        <v>36678</v>
      </c>
      <c r="D27" s="215">
        <v>265451</v>
      </c>
      <c r="E27" s="215">
        <v>452550</v>
      </c>
      <c r="F27" s="215">
        <v>426181</v>
      </c>
      <c r="G27" s="215">
        <v>19535</v>
      </c>
      <c r="H27" s="215">
        <v>6834</v>
      </c>
      <c r="I27" s="215">
        <v>448763</v>
      </c>
      <c r="J27" s="215">
        <v>172211</v>
      </c>
      <c r="K27" s="215" t="s">
        <v>287</v>
      </c>
    </row>
    <row r="28" spans="1:14" s="214" customFormat="1" x14ac:dyDescent="0.25">
      <c r="A28" s="211">
        <v>31</v>
      </c>
      <c r="B28" s="212" t="s">
        <v>2</v>
      </c>
      <c r="C28" s="215">
        <v>875507</v>
      </c>
      <c r="D28" s="215">
        <v>2132651</v>
      </c>
      <c r="E28" s="215">
        <v>3883921</v>
      </c>
      <c r="F28" s="215">
        <v>3233402</v>
      </c>
      <c r="G28" s="215">
        <v>567950</v>
      </c>
      <c r="H28" s="215">
        <v>82569</v>
      </c>
      <c r="I28" s="215">
        <v>3754598</v>
      </c>
      <c r="J28" s="215">
        <v>1342377</v>
      </c>
      <c r="K28" s="215">
        <v>147328</v>
      </c>
    </row>
    <row r="29" spans="1:14" s="214" customFormat="1" ht="13.15" thickBot="1" x14ac:dyDescent="0.3">
      <c r="A29" s="219">
        <v>32</v>
      </c>
      <c r="B29" s="220" t="s">
        <v>1</v>
      </c>
      <c r="C29" s="221">
        <v>128634</v>
      </c>
      <c r="D29" s="221">
        <v>1072113</v>
      </c>
      <c r="E29" s="221">
        <v>2059461</v>
      </c>
      <c r="F29" s="221">
        <v>2007442</v>
      </c>
      <c r="G29" s="221">
        <v>44859</v>
      </c>
      <c r="H29" s="221">
        <v>7160</v>
      </c>
      <c r="I29" s="221">
        <v>2047341</v>
      </c>
      <c r="J29" s="221">
        <v>886065</v>
      </c>
      <c r="K29" s="221" t="s">
        <v>287</v>
      </c>
    </row>
    <row r="30" spans="1:14" s="224" customFormat="1" ht="12" x14ac:dyDescent="0.25">
      <c r="A30" s="187" t="s">
        <v>241</v>
      </c>
      <c r="B30" s="222"/>
      <c r="C30" s="223"/>
      <c r="D30" s="223"/>
      <c r="E30" s="223"/>
      <c r="F30" s="223"/>
      <c r="G30" s="223"/>
      <c r="H30" s="223"/>
      <c r="I30" s="223"/>
      <c r="J30" s="223"/>
      <c r="K30" s="223"/>
    </row>
    <row r="31" spans="1:14" s="224" customFormat="1" ht="12" x14ac:dyDescent="0.25">
      <c r="A31" s="187" t="s">
        <v>491</v>
      </c>
      <c r="B31" s="192"/>
      <c r="C31" s="192"/>
      <c r="D31" s="192"/>
      <c r="E31" s="192"/>
      <c r="F31" s="192"/>
      <c r="G31" s="192"/>
      <c r="H31" s="192"/>
      <c r="I31" s="192"/>
      <c r="J31" s="192"/>
      <c r="K31" s="192"/>
    </row>
    <row r="32" spans="1:14" s="145" customFormat="1" x14ac:dyDescent="0.25">
      <c r="A32" s="187" t="s">
        <v>509</v>
      </c>
      <c r="C32" s="133"/>
      <c r="D32" s="133"/>
      <c r="E32" s="133"/>
      <c r="F32" s="133"/>
      <c r="G32" s="133"/>
      <c r="H32" s="133"/>
      <c r="I32" s="133"/>
      <c r="J32" s="133"/>
      <c r="K32" s="133"/>
      <c r="L32" s="133"/>
      <c r="M32" s="133"/>
      <c r="N32" s="133"/>
    </row>
  </sheetData>
  <mergeCells count="7">
    <mergeCell ref="A1:K1"/>
    <mergeCell ref="J2:K2"/>
    <mergeCell ref="A3:B4"/>
    <mergeCell ref="F3:H3"/>
    <mergeCell ref="I3:I4"/>
    <mergeCell ref="J3:J4"/>
    <mergeCell ref="K3:K4"/>
  </mergeCells>
  <phoneticPr fontId="3"/>
  <printOptions horizontalCentered="1"/>
  <pageMargins left="0.59055118110236227" right="0.59055118110236227" top="0.98425196850393704" bottom="0.98425196850393704" header="0.51181102362204722" footer="0.51181102362204722"/>
  <pageSetup paperSize="9" scale="78" orientation="landscape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33"/>
  <sheetViews>
    <sheetView view="pageBreakPreview" zoomScaleNormal="100" zoomScaleSheetLayoutView="100" workbookViewId="0">
      <selection sqref="A1:XFD1048576"/>
    </sheetView>
  </sheetViews>
  <sheetFormatPr defaultColWidth="9" defaultRowHeight="12.75" x14ac:dyDescent="0.25"/>
  <cols>
    <col min="1" max="1" width="3" style="250" customWidth="1"/>
    <col min="2" max="2" width="30.6640625" style="250" customWidth="1"/>
    <col min="3" max="8" width="15.6640625" style="250" customWidth="1"/>
    <col min="9" max="9" width="7.33203125" style="250" customWidth="1"/>
    <col min="10" max="16384" width="9" style="250"/>
  </cols>
  <sheetData>
    <row r="1" spans="1:8" s="226" customFormat="1" ht="14.25" x14ac:dyDescent="0.3">
      <c r="A1" s="225" t="s">
        <v>499</v>
      </c>
      <c r="B1" s="225"/>
      <c r="C1" s="225"/>
      <c r="D1" s="225"/>
      <c r="E1" s="225"/>
      <c r="F1" s="225"/>
      <c r="G1" s="225"/>
      <c r="H1" s="225"/>
    </row>
    <row r="2" spans="1:8" s="227" customFormat="1" ht="13.15" thickBot="1" x14ac:dyDescent="0.3">
      <c r="E2" s="228"/>
      <c r="G2" s="229" t="s">
        <v>31</v>
      </c>
      <c r="H2" s="229"/>
    </row>
    <row r="3" spans="1:8" s="227" customFormat="1" ht="13.5" customHeight="1" x14ac:dyDescent="0.25">
      <c r="A3" s="230" t="s">
        <v>30</v>
      </c>
      <c r="B3" s="231"/>
      <c r="C3" s="232" t="s">
        <v>36</v>
      </c>
      <c r="D3" s="233" t="s">
        <v>35</v>
      </c>
      <c r="E3" s="234" t="s">
        <v>497</v>
      </c>
      <c r="F3" s="235"/>
      <c r="G3" s="235"/>
      <c r="H3" s="235"/>
    </row>
    <row r="4" spans="1:8" s="227" customFormat="1" x14ac:dyDescent="0.25">
      <c r="A4" s="236"/>
      <c r="B4" s="237"/>
      <c r="C4" s="238"/>
      <c r="D4" s="239"/>
      <c r="E4" s="240"/>
      <c r="F4" s="241" t="s">
        <v>27</v>
      </c>
      <c r="G4" s="241" t="s">
        <v>26</v>
      </c>
      <c r="H4" s="242" t="s">
        <v>34</v>
      </c>
    </row>
    <row r="5" spans="1:8" s="243" customFormat="1" x14ac:dyDescent="0.25">
      <c r="B5" s="209" t="s">
        <v>24</v>
      </c>
      <c r="C5" s="210">
        <v>2245324</v>
      </c>
      <c r="D5" s="210">
        <v>6085932</v>
      </c>
      <c r="E5" s="210">
        <v>11432164</v>
      </c>
      <c r="F5" s="210">
        <v>9278919</v>
      </c>
      <c r="G5" s="210">
        <v>1148483</v>
      </c>
      <c r="H5" s="210">
        <v>1002489</v>
      </c>
    </row>
    <row r="6" spans="1:8" s="227" customFormat="1" x14ac:dyDescent="0.25">
      <c r="A6" s="227">
        <v>9</v>
      </c>
      <c r="B6" s="212" t="s">
        <v>23</v>
      </c>
      <c r="C6" s="213">
        <v>207860</v>
      </c>
      <c r="D6" s="213">
        <v>1128951</v>
      </c>
      <c r="E6" s="213">
        <v>1414580</v>
      </c>
      <c r="F6" s="213">
        <v>1026095</v>
      </c>
      <c r="G6" s="213">
        <v>38683</v>
      </c>
      <c r="H6" s="213">
        <v>349802</v>
      </c>
    </row>
    <row r="7" spans="1:8" s="227" customFormat="1" x14ac:dyDescent="0.25">
      <c r="A7" s="227">
        <v>10</v>
      </c>
      <c r="B7" s="212" t="s">
        <v>22</v>
      </c>
      <c r="C7" s="215" t="s">
        <v>287</v>
      </c>
      <c r="D7" s="215" t="s">
        <v>287</v>
      </c>
      <c r="E7" s="215" t="s">
        <v>287</v>
      </c>
      <c r="F7" s="215" t="s">
        <v>287</v>
      </c>
      <c r="G7" s="215" t="s">
        <v>287</v>
      </c>
      <c r="H7" s="215" t="s">
        <v>287</v>
      </c>
    </row>
    <row r="8" spans="1:8" s="227" customFormat="1" x14ac:dyDescent="0.25">
      <c r="A8" s="227">
        <v>11</v>
      </c>
      <c r="B8" s="212" t="s">
        <v>21</v>
      </c>
      <c r="C8" s="215">
        <v>34769</v>
      </c>
      <c r="D8" s="215">
        <v>20135</v>
      </c>
      <c r="E8" s="215">
        <v>79383</v>
      </c>
      <c r="F8" s="215">
        <v>35807</v>
      </c>
      <c r="G8" s="215">
        <v>36528</v>
      </c>
      <c r="H8" s="215">
        <v>7048</v>
      </c>
    </row>
    <row r="9" spans="1:8" s="227" customFormat="1" x14ac:dyDescent="0.25">
      <c r="A9" s="227">
        <v>12</v>
      </c>
      <c r="B9" s="212" t="s">
        <v>20</v>
      </c>
      <c r="C9" s="213">
        <v>55621</v>
      </c>
      <c r="D9" s="213">
        <v>222778</v>
      </c>
      <c r="E9" s="213">
        <v>349536</v>
      </c>
      <c r="F9" s="213">
        <v>256437</v>
      </c>
      <c r="G9" s="213">
        <v>11479</v>
      </c>
      <c r="H9" s="213">
        <v>81620</v>
      </c>
    </row>
    <row r="10" spans="1:8" s="227" customFormat="1" x14ac:dyDescent="0.25">
      <c r="A10" s="227">
        <v>13</v>
      </c>
      <c r="B10" s="212" t="s">
        <v>19</v>
      </c>
      <c r="C10" s="215" t="s">
        <v>287</v>
      </c>
      <c r="D10" s="215" t="s">
        <v>287</v>
      </c>
      <c r="E10" s="215" t="s">
        <v>287</v>
      </c>
      <c r="F10" s="215" t="s">
        <v>287</v>
      </c>
      <c r="G10" s="215" t="s">
        <v>287</v>
      </c>
      <c r="H10" s="215" t="s">
        <v>287</v>
      </c>
    </row>
    <row r="11" spans="1:8" s="227" customFormat="1" x14ac:dyDescent="0.25">
      <c r="A11" s="227">
        <v>14</v>
      </c>
      <c r="B11" s="212" t="s">
        <v>18</v>
      </c>
      <c r="C11" s="215">
        <v>24190</v>
      </c>
      <c r="D11" s="215">
        <v>26803</v>
      </c>
      <c r="E11" s="215">
        <v>70386</v>
      </c>
      <c r="F11" s="215">
        <v>55417</v>
      </c>
      <c r="G11" s="215">
        <v>9973</v>
      </c>
      <c r="H11" s="215">
        <v>4996</v>
      </c>
    </row>
    <row r="12" spans="1:8" s="227" customFormat="1" x14ac:dyDescent="0.25">
      <c r="A12" s="227">
        <v>15</v>
      </c>
      <c r="B12" s="212" t="s">
        <v>242</v>
      </c>
      <c r="C12" s="213">
        <v>125827</v>
      </c>
      <c r="D12" s="213">
        <v>303318</v>
      </c>
      <c r="E12" s="213">
        <v>632551</v>
      </c>
      <c r="F12" s="213">
        <v>481941</v>
      </c>
      <c r="G12" s="213">
        <v>65358</v>
      </c>
      <c r="H12" s="213">
        <v>85252</v>
      </c>
    </row>
    <row r="13" spans="1:8" s="227" customFormat="1" x14ac:dyDescent="0.25">
      <c r="A13" s="227">
        <v>16</v>
      </c>
      <c r="B13" s="212" t="s">
        <v>17</v>
      </c>
      <c r="C13" s="215">
        <v>70626</v>
      </c>
      <c r="D13" s="215">
        <v>229174</v>
      </c>
      <c r="E13" s="215">
        <v>676702</v>
      </c>
      <c r="F13" s="215">
        <v>639791</v>
      </c>
      <c r="G13" s="215">
        <v>9814</v>
      </c>
      <c r="H13" s="215">
        <v>27097</v>
      </c>
    </row>
    <row r="14" spans="1:8" s="227" customFormat="1" x14ac:dyDescent="0.25">
      <c r="A14" s="227">
        <v>17</v>
      </c>
      <c r="B14" s="212" t="s">
        <v>16</v>
      </c>
      <c r="C14" s="215">
        <v>17536</v>
      </c>
      <c r="D14" s="215">
        <v>90370</v>
      </c>
      <c r="E14" s="215">
        <v>187204</v>
      </c>
      <c r="F14" s="215">
        <v>165494</v>
      </c>
      <c r="G14" s="215">
        <v>0</v>
      </c>
      <c r="H14" s="215">
        <v>21710</v>
      </c>
    </row>
    <row r="15" spans="1:8" s="227" customFormat="1" x14ac:dyDescent="0.25">
      <c r="A15" s="227">
        <v>18</v>
      </c>
      <c r="B15" s="212" t="s">
        <v>15</v>
      </c>
      <c r="C15" s="215">
        <v>134175</v>
      </c>
      <c r="D15" s="215">
        <v>546596</v>
      </c>
      <c r="E15" s="215">
        <v>1014094</v>
      </c>
      <c r="F15" s="215">
        <v>884246</v>
      </c>
      <c r="G15" s="215">
        <v>76171</v>
      </c>
      <c r="H15" s="215">
        <v>53677</v>
      </c>
    </row>
    <row r="16" spans="1:8" s="227" customFormat="1" x14ac:dyDescent="0.25">
      <c r="A16" s="227">
        <v>19</v>
      </c>
      <c r="B16" s="212" t="s">
        <v>14</v>
      </c>
      <c r="C16" s="215" t="s">
        <v>287</v>
      </c>
      <c r="D16" s="215" t="s">
        <v>287</v>
      </c>
      <c r="E16" s="215" t="s">
        <v>287</v>
      </c>
      <c r="F16" s="215" t="s">
        <v>287</v>
      </c>
      <c r="G16" s="215" t="s">
        <v>287</v>
      </c>
      <c r="H16" s="215" t="s">
        <v>287</v>
      </c>
    </row>
    <row r="17" spans="1:14" s="227" customFormat="1" x14ac:dyDescent="0.25">
      <c r="A17" s="227">
        <v>20</v>
      </c>
      <c r="B17" s="212" t="s">
        <v>13</v>
      </c>
      <c r="C17" s="215">
        <v>0</v>
      </c>
      <c r="D17" s="215">
        <v>0</v>
      </c>
      <c r="E17" s="215">
        <v>0</v>
      </c>
      <c r="F17" s="215">
        <v>0</v>
      </c>
      <c r="G17" s="215">
        <v>0</v>
      </c>
      <c r="H17" s="213">
        <v>0</v>
      </c>
    </row>
    <row r="18" spans="1:14" s="227" customFormat="1" x14ac:dyDescent="0.25">
      <c r="A18" s="227">
        <v>21</v>
      </c>
      <c r="B18" s="212" t="s">
        <v>12</v>
      </c>
      <c r="C18" s="213">
        <v>152152</v>
      </c>
      <c r="D18" s="213">
        <v>500042</v>
      </c>
      <c r="E18" s="213">
        <v>1004872</v>
      </c>
      <c r="F18" s="213">
        <v>882436</v>
      </c>
      <c r="G18" s="213">
        <v>5622</v>
      </c>
      <c r="H18" s="213">
        <v>116814</v>
      </c>
    </row>
    <row r="19" spans="1:14" s="227" customFormat="1" x14ac:dyDescent="0.25">
      <c r="A19" s="227">
        <v>22</v>
      </c>
      <c r="B19" s="212" t="s">
        <v>11</v>
      </c>
      <c r="C19" s="215">
        <v>80390</v>
      </c>
      <c r="D19" s="215">
        <v>446412</v>
      </c>
      <c r="E19" s="215">
        <v>658865</v>
      </c>
      <c r="F19" s="215">
        <v>595656</v>
      </c>
      <c r="G19" s="215">
        <v>44487</v>
      </c>
      <c r="H19" s="213">
        <v>18722</v>
      </c>
    </row>
    <row r="20" spans="1:14" s="227" customFormat="1" x14ac:dyDescent="0.25">
      <c r="A20" s="227">
        <v>23</v>
      </c>
      <c r="B20" s="212" t="s">
        <v>10</v>
      </c>
      <c r="C20" s="215">
        <v>25275</v>
      </c>
      <c r="D20" s="215">
        <v>189176</v>
      </c>
      <c r="E20" s="215">
        <v>287580</v>
      </c>
      <c r="F20" s="215">
        <v>251647</v>
      </c>
      <c r="G20" s="215">
        <v>23237</v>
      </c>
      <c r="H20" s="213">
        <v>12696</v>
      </c>
    </row>
    <row r="21" spans="1:14" s="227" customFormat="1" x14ac:dyDescent="0.25">
      <c r="A21" s="227">
        <v>24</v>
      </c>
      <c r="B21" s="212" t="s">
        <v>9</v>
      </c>
      <c r="C21" s="213">
        <v>364728</v>
      </c>
      <c r="D21" s="213">
        <v>755148</v>
      </c>
      <c r="E21" s="213">
        <v>1565158</v>
      </c>
      <c r="F21" s="213">
        <v>1315415</v>
      </c>
      <c r="G21" s="213">
        <v>211006</v>
      </c>
      <c r="H21" s="213">
        <v>37729</v>
      </c>
    </row>
    <row r="22" spans="1:14" s="227" customFormat="1" x14ac:dyDescent="0.25">
      <c r="A22" s="227">
        <v>25</v>
      </c>
      <c r="B22" s="212" t="s">
        <v>8</v>
      </c>
      <c r="C22" s="213">
        <v>132406</v>
      </c>
      <c r="D22" s="213">
        <v>208271</v>
      </c>
      <c r="E22" s="213">
        <v>485661</v>
      </c>
      <c r="F22" s="213">
        <v>368120</v>
      </c>
      <c r="G22" s="213">
        <v>103432</v>
      </c>
      <c r="H22" s="213">
        <v>14109</v>
      </c>
    </row>
    <row r="23" spans="1:14" s="227" customFormat="1" x14ac:dyDescent="0.25">
      <c r="A23" s="227">
        <v>26</v>
      </c>
      <c r="B23" s="212" t="s">
        <v>7</v>
      </c>
      <c r="C23" s="213">
        <v>423158</v>
      </c>
      <c r="D23" s="213">
        <v>717074</v>
      </c>
      <c r="E23" s="213">
        <v>1478769</v>
      </c>
      <c r="F23" s="213">
        <v>1101993</v>
      </c>
      <c r="G23" s="213">
        <v>314076</v>
      </c>
      <c r="H23" s="213">
        <v>62630</v>
      </c>
    </row>
    <row r="24" spans="1:14" s="227" customFormat="1" x14ac:dyDescent="0.25">
      <c r="A24" s="227">
        <v>27</v>
      </c>
      <c r="B24" s="212" t="s">
        <v>6</v>
      </c>
      <c r="C24" s="215" t="s">
        <v>287</v>
      </c>
      <c r="D24" s="215" t="s">
        <v>287</v>
      </c>
      <c r="E24" s="215" t="s">
        <v>287</v>
      </c>
      <c r="F24" s="215" t="s">
        <v>287</v>
      </c>
      <c r="G24" s="215" t="s">
        <v>287</v>
      </c>
      <c r="H24" s="215" t="s">
        <v>287</v>
      </c>
    </row>
    <row r="25" spans="1:14" s="227" customFormat="1" ht="13.5" customHeight="1" x14ac:dyDescent="0.25">
      <c r="A25" s="227">
        <v>28</v>
      </c>
      <c r="B25" s="216" t="s">
        <v>5</v>
      </c>
      <c r="C25" s="215">
        <v>49637</v>
      </c>
      <c r="D25" s="215">
        <v>46035</v>
      </c>
      <c r="E25" s="215">
        <v>172304</v>
      </c>
      <c r="F25" s="215">
        <v>119625</v>
      </c>
      <c r="G25" s="215">
        <v>51996</v>
      </c>
      <c r="H25" s="215">
        <v>683</v>
      </c>
    </row>
    <row r="26" spans="1:14" s="227" customFormat="1" x14ac:dyDescent="0.25">
      <c r="A26" s="227">
        <v>29</v>
      </c>
      <c r="B26" s="212" t="s">
        <v>4</v>
      </c>
      <c r="C26" s="213">
        <v>111027</v>
      </c>
      <c r="D26" s="213">
        <v>186377</v>
      </c>
      <c r="E26" s="213">
        <v>366102</v>
      </c>
      <c r="F26" s="213">
        <v>294364</v>
      </c>
      <c r="G26" s="213">
        <v>40197</v>
      </c>
      <c r="H26" s="213">
        <v>30346</v>
      </c>
    </row>
    <row r="27" spans="1:14" s="227" customFormat="1" ht="13.5" customHeight="1" x14ac:dyDescent="0.25">
      <c r="A27" s="227">
        <v>30</v>
      </c>
      <c r="B27" s="212" t="s">
        <v>3</v>
      </c>
      <c r="C27" s="215" t="s">
        <v>287</v>
      </c>
      <c r="D27" s="215" t="s">
        <v>287</v>
      </c>
      <c r="E27" s="215" t="s">
        <v>287</v>
      </c>
      <c r="F27" s="215" t="s">
        <v>287</v>
      </c>
      <c r="G27" s="215" t="s">
        <v>287</v>
      </c>
      <c r="H27" s="215" t="s">
        <v>287</v>
      </c>
    </row>
    <row r="28" spans="1:14" s="227" customFormat="1" x14ac:dyDescent="0.25">
      <c r="A28" s="227">
        <v>31</v>
      </c>
      <c r="B28" s="212" t="s">
        <v>2</v>
      </c>
      <c r="C28" s="215">
        <v>60222</v>
      </c>
      <c r="D28" s="215">
        <v>53334</v>
      </c>
      <c r="E28" s="215">
        <v>162404</v>
      </c>
      <c r="F28" s="215">
        <v>92697</v>
      </c>
      <c r="G28" s="215">
        <v>58587</v>
      </c>
      <c r="H28" s="215">
        <v>11120</v>
      </c>
    </row>
    <row r="29" spans="1:14" s="227" customFormat="1" ht="13.15" thickBot="1" x14ac:dyDescent="0.3">
      <c r="A29" s="244">
        <v>32</v>
      </c>
      <c r="B29" s="220" t="s">
        <v>1</v>
      </c>
      <c r="C29" s="245" t="s">
        <v>287</v>
      </c>
      <c r="D29" s="246" t="s">
        <v>287</v>
      </c>
      <c r="E29" s="246" t="s">
        <v>287</v>
      </c>
      <c r="F29" s="246" t="s">
        <v>287</v>
      </c>
      <c r="G29" s="246" t="s">
        <v>287</v>
      </c>
      <c r="H29" s="246" t="s">
        <v>287</v>
      </c>
    </row>
    <row r="30" spans="1:14" s="227" customFormat="1" x14ac:dyDescent="0.25">
      <c r="A30" s="187" t="s">
        <v>241</v>
      </c>
      <c r="B30" s="222"/>
      <c r="C30" s="247"/>
      <c r="D30" s="247"/>
      <c r="E30" s="247"/>
      <c r="F30" s="247"/>
      <c r="G30" s="247"/>
      <c r="H30" s="247"/>
    </row>
    <row r="31" spans="1:14" x14ac:dyDescent="0.25">
      <c r="A31" s="187" t="s">
        <v>491</v>
      </c>
      <c r="B31" s="248"/>
      <c r="C31" s="249"/>
      <c r="D31" s="249"/>
      <c r="E31" s="249"/>
      <c r="F31" s="249"/>
      <c r="G31" s="249"/>
      <c r="H31" s="249"/>
    </row>
    <row r="32" spans="1:14" s="145" customFormat="1" x14ac:dyDescent="0.25">
      <c r="A32" s="187" t="s">
        <v>509</v>
      </c>
      <c r="C32" s="133"/>
      <c r="D32" s="133"/>
      <c r="E32" s="133"/>
      <c r="F32" s="133"/>
      <c r="G32" s="133"/>
      <c r="H32" s="133"/>
      <c r="I32" s="133"/>
      <c r="J32" s="133"/>
      <c r="K32" s="133"/>
      <c r="L32" s="133"/>
      <c r="M32" s="133"/>
      <c r="N32" s="133"/>
    </row>
    <row r="33" spans="1:8" x14ac:dyDescent="0.25">
      <c r="A33" s="248"/>
      <c r="B33" s="249"/>
      <c r="C33" s="249"/>
      <c r="D33" s="249"/>
      <c r="E33" s="249"/>
      <c r="F33" s="249"/>
      <c r="G33" s="249"/>
      <c r="H33" s="249"/>
    </row>
  </sheetData>
  <mergeCells count="6">
    <mergeCell ref="A1:H1"/>
    <mergeCell ref="G2:H2"/>
    <mergeCell ref="A3:B4"/>
    <mergeCell ref="C3:C4"/>
    <mergeCell ref="D3:D4"/>
    <mergeCell ref="E3:E4"/>
  </mergeCells>
  <phoneticPr fontId="3"/>
  <printOptions horizontalCentered="1"/>
  <pageMargins left="0.59055118110236227" right="0.59055118110236227" top="0.98425196850393704" bottom="0.98425196850393704" header="0.51181102362204722" footer="0.51181102362204722"/>
  <pageSetup paperSize="9" orientation="landscape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E33"/>
  <sheetViews>
    <sheetView view="pageBreakPreview" zoomScaleNormal="100" zoomScaleSheetLayoutView="100" workbookViewId="0">
      <pane xSplit="2" ySplit="4" topLeftCell="E5" activePane="bottomRight" state="frozen"/>
      <selection pane="topRight" activeCell="C1" sqref="C1"/>
      <selection pane="bottomLeft" activeCell="A5" sqref="A5"/>
      <selection pane="bottomRight" sqref="A1:XFD1048576"/>
    </sheetView>
  </sheetViews>
  <sheetFormatPr defaultColWidth="9" defaultRowHeight="12.75" x14ac:dyDescent="0.25"/>
  <cols>
    <col min="1" max="1" width="3" style="254" customWidth="1"/>
    <col min="2" max="2" width="30.6640625" style="254" customWidth="1"/>
    <col min="3" max="29" width="15.6640625" style="133" customWidth="1"/>
    <col min="30" max="30" width="15.6640625" style="325" customWidth="1"/>
    <col min="31" max="31" width="15.6640625" style="133" customWidth="1"/>
    <col min="32" max="32" width="10.796875" style="254" bestFit="1" customWidth="1"/>
    <col min="33" max="16384" width="9" style="254"/>
  </cols>
  <sheetData>
    <row r="1" spans="1:31" s="252" customFormat="1" ht="20.25" customHeight="1" x14ac:dyDescent="0.25">
      <c r="A1" s="251" t="s">
        <v>507</v>
      </c>
      <c r="B1" s="251"/>
      <c r="C1" s="251"/>
      <c r="D1" s="251"/>
      <c r="E1" s="251"/>
      <c r="F1" s="251"/>
      <c r="G1" s="251"/>
      <c r="H1" s="251"/>
      <c r="I1" s="251"/>
      <c r="J1" s="251"/>
      <c r="K1" s="251"/>
      <c r="L1" s="251"/>
      <c r="M1" s="251"/>
      <c r="N1" s="251"/>
      <c r="O1" s="251"/>
      <c r="P1" s="251"/>
      <c r="Q1" s="251"/>
      <c r="R1" s="251"/>
      <c r="S1" s="251"/>
      <c r="T1" s="251"/>
      <c r="U1" s="251"/>
      <c r="V1" s="251"/>
      <c r="W1" s="251"/>
      <c r="X1" s="251"/>
      <c r="Y1" s="251"/>
      <c r="Z1" s="251"/>
      <c r="AA1" s="251"/>
      <c r="AB1" s="251"/>
      <c r="AC1" s="251"/>
      <c r="AD1" s="251"/>
      <c r="AE1" s="251"/>
    </row>
    <row r="2" spans="1:31" ht="13.15" thickBot="1" x14ac:dyDescent="0.3">
      <c r="A2" s="253"/>
      <c r="I2" s="255"/>
      <c r="J2" s="255"/>
      <c r="K2" s="256"/>
      <c r="L2" s="255"/>
      <c r="O2" s="256"/>
      <c r="P2" s="256"/>
      <c r="Q2" s="256"/>
      <c r="R2" s="256"/>
      <c r="S2" s="257"/>
      <c r="T2" s="256"/>
      <c r="U2" s="256"/>
      <c r="V2" s="255"/>
      <c r="W2" s="255"/>
      <c r="Z2" s="256"/>
      <c r="AA2" s="256"/>
      <c r="AB2" s="256"/>
      <c r="AC2" s="258"/>
      <c r="AD2" s="259"/>
      <c r="AE2" s="260" t="s">
        <v>31</v>
      </c>
    </row>
    <row r="3" spans="1:31" x14ac:dyDescent="0.25">
      <c r="A3" s="261" t="s">
        <v>30</v>
      </c>
      <c r="B3" s="262"/>
      <c r="C3" s="233" t="s">
        <v>36</v>
      </c>
      <c r="D3" s="232" t="s">
        <v>496</v>
      </c>
      <c r="E3" s="263"/>
      <c r="F3" s="263"/>
      <c r="G3" s="263"/>
      <c r="H3" s="263"/>
      <c r="I3" s="263"/>
      <c r="J3" s="263"/>
      <c r="K3" s="264" t="s">
        <v>495</v>
      </c>
      <c r="L3" s="265"/>
      <c r="M3" s="265"/>
      <c r="N3" s="266"/>
      <c r="O3" s="232" t="s">
        <v>494</v>
      </c>
      <c r="P3" s="267"/>
      <c r="Q3" s="268"/>
      <c r="R3" s="268"/>
      <c r="S3" s="232" t="s">
        <v>493</v>
      </c>
      <c r="T3" s="267"/>
      <c r="U3" s="268"/>
      <c r="V3" s="268"/>
      <c r="W3" s="269" t="s">
        <v>251</v>
      </c>
      <c r="X3" s="270"/>
      <c r="Y3" s="270"/>
      <c r="Z3" s="270"/>
      <c r="AA3" s="271"/>
      <c r="AB3" s="269" t="s">
        <v>53</v>
      </c>
      <c r="AC3" s="270"/>
      <c r="AD3" s="271"/>
      <c r="AE3" s="264" t="s">
        <v>250</v>
      </c>
    </row>
    <row r="4" spans="1:31" ht="25.5" x14ac:dyDescent="0.25">
      <c r="A4" s="272"/>
      <c r="B4" s="273"/>
      <c r="C4" s="239"/>
      <c r="D4" s="239"/>
      <c r="E4" s="274" t="s">
        <v>42</v>
      </c>
      <c r="F4" s="274" t="s">
        <v>41</v>
      </c>
      <c r="G4" s="274" t="s">
        <v>40</v>
      </c>
      <c r="H4" s="274" t="s">
        <v>39</v>
      </c>
      <c r="I4" s="275" t="s">
        <v>38</v>
      </c>
      <c r="J4" s="275" t="s">
        <v>37</v>
      </c>
      <c r="K4" s="239"/>
      <c r="L4" s="276" t="s">
        <v>68</v>
      </c>
      <c r="M4" s="276" t="s">
        <v>67</v>
      </c>
      <c r="N4" s="276" t="s">
        <v>66</v>
      </c>
      <c r="O4" s="239"/>
      <c r="P4" s="277" t="s">
        <v>44</v>
      </c>
      <c r="Q4" s="278" t="s">
        <v>43</v>
      </c>
      <c r="R4" s="277" t="s">
        <v>0</v>
      </c>
      <c r="S4" s="239"/>
      <c r="T4" s="277" t="s">
        <v>44</v>
      </c>
      <c r="U4" s="278" t="s">
        <v>43</v>
      </c>
      <c r="V4" s="277" t="s">
        <v>0</v>
      </c>
      <c r="W4" s="277" t="s">
        <v>52</v>
      </c>
      <c r="X4" s="277" t="s">
        <v>51</v>
      </c>
      <c r="Y4" s="277" t="s">
        <v>50</v>
      </c>
      <c r="Z4" s="277" t="s">
        <v>49</v>
      </c>
      <c r="AA4" s="277" t="s">
        <v>48</v>
      </c>
      <c r="AB4" s="277" t="s">
        <v>47</v>
      </c>
      <c r="AC4" s="277" t="s">
        <v>46</v>
      </c>
      <c r="AD4" s="279" t="s">
        <v>45</v>
      </c>
      <c r="AE4" s="280"/>
    </row>
    <row r="5" spans="1:31" x14ac:dyDescent="0.25">
      <c r="A5" s="281"/>
      <c r="B5" s="282" t="s">
        <v>24</v>
      </c>
      <c r="C5" s="283">
        <v>16553617</v>
      </c>
      <c r="D5" s="284">
        <v>67109149</v>
      </c>
      <c r="E5" s="285">
        <v>46237611</v>
      </c>
      <c r="F5" s="285">
        <v>777156</v>
      </c>
      <c r="G5" s="285">
        <v>2139707</v>
      </c>
      <c r="H5" s="285">
        <v>8681674</v>
      </c>
      <c r="I5" s="285">
        <v>1247944</v>
      </c>
      <c r="J5" s="286">
        <v>8025057</v>
      </c>
      <c r="K5" s="284">
        <v>123657960</v>
      </c>
      <c r="L5" s="285">
        <v>104988241</v>
      </c>
      <c r="M5" s="285">
        <v>8344671</v>
      </c>
      <c r="N5" s="286">
        <v>10321514</v>
      </c>
      <c r="O5" s="285">
        <v>23318695</v>
      </c>
      <c r="P5" s="285">
        <v>8169404</v>
      </c>
      <c r="Q5" s="285">
        <v>7983871</v>
      </c>
      <c r="R5" s="286">
        <v>7165420</v>
      </c>
      <c r="S5" s="285">
        <v>23029259</v>
      </c>
      <c r="T5" s="285">
        <v>7985455</v>
      </c>
      <c r="U5" s="285">
        <v>8165416</v>
      </c>
      <c r="V5" s="286">
        <v>6878388</v>
      </c>
      <c r="W5" s="285">
        <v>44301034</v>
      </c>
      <c r="X5" s="285">
        <v>7718758</v>
      </c>
      <c r="Y5" s="285">
        <v>1688001</v>
      </c>
      <c r="Z5" s="285">
        <v>7088219</v>
      </c>
      <c r="AA5" s="286">
        <v>43243572</v>
      </c>
      <c r="AB5" s="285">
        <v>6643106</v>
      </c>
      <c r="AC5" s="285">
        <v>5419336</v>
      </c>
      <c r="AD5" s="287">
        <v>1223770</v>
      </c>
      <c r="AE5" s="285">
        <v>8942528</v>
      </c>
    </row>
    <row r="6" spans="1:31" s="295" customFormat="1" x14ac:dyDescent="0.25">
      <c r="A6" s="288">
        <v>9</v>
      </c>
      <c r="B6" s="289" t="s">
        <v>23</v>
      </c>
      <c r="C6" s="290">
        <v>712986</v>
      </c>
      <c r="D6" s="291">
        <v>4756205</v>
      </c>
      <c r="E6" s="292">
        <v>2261968</v>
      </c>
      <c r="F6" s="292">
        <v>43633</v>
      </c>
      <c r="G6" s="292">
        <v>79248</v>
      </c>
      <c r="H6" s="292">
        <v>94884</v>
      </c>
      <c r="I6" s="292">
        <v>19447</v>
      </c>
      <c r="J6" s="293">
        <v>106536</v>
      </c>
      <c r="K6" s="291">
        <v>4756205</v>
      </c>
      <c r="L6" s="292">
        <v>4521728</v>
      </c>
      <c r="M6" s="292">
        <v>78633</v>
      </c>
      <c r="N6" s="293">
        <v>155844</v>
      </c>
      <c r="O6" s="292">
        <v>373053</v>
      </c>
      <c r="P6" s="292">
        <v>197345</v>
      </c>
      <c r="Q6" s="292">
        <v>56551</v>
      </c>
      <c r="R6" s="293">
        <v>119157</v>
      </c>
      <c r="S6" s="292">
        <v>401167</v>
      </c>
      <c r="T6" s="292">
        <v>197006</v>
      </c>
      <c r="U6" s="292">
        <v>93690</v>
      </c>
      <c r="V6" s="293">
        <v>110471</v>
      </c>
      <c r="W6" s="292">
        <v>1394656</v>
      </c>
      <c r="X6" s="292">
        <v>157394</v>
      </c>
      <c r="Y6" s="292">
        <v>3863</v>
      </c>
      <c r="Z6" s="292">
        <v>292105</v>
      </c>
      <c r="AA6" s="293">
        <v>1256082</v>
      </c>
      <c r="AB6" s="292">
        <v>38172</v>
      </c>
      <c r="AC6" s="292">
        <v>38502</v>
      </c>
      <c r="AD6" s="294">
        <v>-330</v>
      </c>
      <c r="AE6" s="292">
        <v>157064</v>
      </c>
    </row>
    <row r="7" spans="1:31" x14ac:dyDescent="0.25">
      <c r="A7" s="288">
        <v>10</v>
      </c>
      <c r="B7" s="289" t="s">
        <v>22</v>
      </c>
      <c r="C7" s="296" t="s">
        <v>287</v>
      </c>
      <c r="D7" s="297" t="s">
        <v>287</v>
      </c>
      <c r="E7" s="298" t="s">
        <v>287</v>
      </c>
      <c r="F7" s="298" t="s">
        <v>287</v>
      </c>
      <c r="G7" s="298" t="s">
        <v>287</v>
      </c>
      <c r="H7" s="298" t="s">
        <v>287</v>
      </c>
      <c r="I7" s="298" t="s">
        <v>287</v>
      </c>
      <c r="J7" s="298" t="s">
        <v>287</v>
      </c>
      <c r="K7" s="297" t="s">
        <v>287</v>
      </c>
      <c r="L7" s="298" t="s">
        <v>287</v>
      </c>
      <c r="M7" s="298" t="s">
        <v>287</v>
      </c>
      <c r="N7" s="299" t="s">
        <v>287</v>
      </c>
      <c r="O7" s="298" t="s">
        <v>287</v>
      </c>
      <c r="P7" s="298" t="s">
        <v>287</v>
      </c>
      <c r="Q7" s="298" t="s">
        <v>287</v>
      </c>
      <c r="R7" s="299" t="s">
        <v>287</v>
      </c>
      <c r="S7" s="298" t="s">
        <v>287</v>
      </c>
      <c r="T7" s="298" t="s">
        <v>287</v>
      </c>
      <c r="U7" s="298" t="s">
        <v>287</v>
      </c>
      <c r="V7" s="299" t="s">
        <v>287</v>
      </c>
      <c r="W7" s="298" t="s">
        <v>287</v>
      </c>
      <c r="X7" s="298" t="s">
        <v>287</v>
      </c>
      <c r="Y7" s="298" t="s">
        <v>287</v>
      </c>
      <c r="Z7" s="298" t="s">
        <v>287</v>
      </c>
      <c r="AA7" s="299" t="s">
        <v>287</v>
      </c>
      <c r="AB7" s="297" t="s">
        <v>287</v>
      </c>
      <c r="AC7" s="298" t="s">
        <v>287</v>
      </c>
      <c r="AD7" s="299" t="s">
        <v>287</v>
      </c>
      <c r="AE7" s="298" t="s">
        <v>287</v>
      </c>
    </row>
    <row r="8" spans="1:31" x14ac:dyDescent="0.25">
      <c r="A8" s="288">
        <v>11</v>
      </c>
      <c r="B8" s="289" t="s">
        <v>21</v>
      </c>
      <c r="C8" s="296">
        <v>106008</v>
      </c>
      <c r="D8" s="291">
        <v>526639</v>
      </c>
      <c r="E8" s="300">
        <v>71919</v>
      </c>
      <c r="F8" s="292">
        <v>21189</v>
      </c>
      <c r="G8" s="292">
        <v>100757</v>
      </c>
      <c r="H8" s="292">
        <v>248</v>
      </c>
      <c r="I8" s="298">
        <v>6838</v>
      </c>
      <c r="J8" s="301">
        <v>21480</v>
      </c>
      <c r="K8" s="291">
        <v>526639</v>
      </c>
      <c r="L8" s="292">
        <v>112872</v>
      </c>
      <c r="M8" s="292">
        <v>360940</v>
      </c>
      <c r="N8" s="293">
        <v>52729</v>
      </c>
      <c r="O8" s="292">
        <v>86181</v>
      </c>
      <c r="P8" s="292">
        <v>42343</v>
      </c>
      <c r="Q8" s="292">
        <v>11646</v>
      </c>
      <c r="R8" s="293">
        <v>32192</v>
      </c>
      <c r="S8" s="292">
        <v>80749</v>
      </c>
      <c r="T8" s="292">
        <v>41933</v>
      </c>
      <c r="U8" s="292">
        <v>11620</v>
      </c>
      <c r="V8" s="293">
        <v>27196</v>
      </c>
      <c r="W8" s="292">
        <v>220114</v>
      </c>
      <c r="X8" s="292">
        <v>30681</v>
      </c>
      <c r="Y8" s="292">
        <v>0</v>
      </c>
      <c r="Z8" s="292">
        <v>48114</v>
      </c>
      <c r="AA8" s="293">
        <v>202681</v>
      </c>
      <c r="AB8" s="292">
        <v>20609</v>
      </c>
      <c r="AC8" s="292">
        <v>633</v>
      </c>
      <c r="AD8" s="302">
        <v>19976</v>
      </c>
      <c r="AE8" s="292">
        <v>50657</v>
      </c>
    </row>
    <row r="9" spans="1:31" x14ac:dyDescent="0.25">
      <c r="A9" s="288">
        <v>12</v>
      </c>
      <c r="B9" s="289" t="s">
        <v>20</v>
      </c>
      <c r="C9" s="290">
        <v>38317</v>
      </c>
      <c r="D9" s="291">
        <v>291358</v>
      </c>
      <c r="E9" s="292">
        <v>147419</v>
      </c>
      <c r="F9" s="292">
        <v>575</v>
      </c>
      <c r="G9" s="292">
        <v>1101</v>
      </c>
      <c r="H9" s="292">
        <v>253</v>
      </c>
      <c r="I9" s="292">
        <v>115</v>
      </c>
      <c r="J9" s="293">
        <v>23403</v>
      </c>
      <c r="K9" s="291">
        <v>291358</v>
      </c>
      <c r="L9" s="292">
        <v>221348</v>
      </c>
      <c r="M9" s="300">
        <v>0</v>
      </c>
      <c r="N9" s="301">
        <v>70010</v>
      </c>
      <c r="O9" s="292">
        <v>23527</v>
      </c>
      <c r="P9" s="292">
        <v>19759</v>
      </c>
      <c r="Q9" s="292">
        <v>602</v>
      </c>
      <c r="R9" s="293">
        <v>3166</v>
      </c>
      <c r="S9" s="292">
        <v>5227</v>
      </c>
      <c r="T9" s="292">
        <v>1822</v>
      </c>
      <c r="U9" s="292">
        <v>662</v>
      </c>
      <c r="V9" s="293">
        <v>2743</v>
      </c>
      <c r="W9" s="298" t="s">
        <v>287</v>
      </c>
      <c r="X9" s="298" t="s">
        <v>287</v>
      </c>
      <c r="Y9" s="298" t="s">
        <v>287</v>
      </c>
      <c r="Z9" s="298" t="s">
        <v>287</v>
      </c>
      <c r="AA9" s="293" t="s">
        <v>287</v>
      </c>
      <c r="AB9" s="297" t="s">
        <v>287</v>
      </c>
      <c r="AC9" s="298" t="s">
        <v>287</v>
      </c>
      <c r="AD9" s="299" t="s">
        <v>287</v>
      </c>
      <c r="AE9" s="292" t="s">
        <v>287</v>
      </c>
    </row>
    <row r="10" spans="1:31" x14ac:dyDescent="0.25">
      <c r="A10" s="288">
        <v>13</v>
      </c>
      <c r="B10" s="289" t="s">
        <v>19</v>
      </c>
      <c r="C10" s="290" t="s">
        <v>287</v>
      </c>
      <c r="D10" s="291" t="s">
        <v>287</v>
      </c>
      <c r="E10" s="292" t="s">
        <v>287</v>
      </c>
      <c r="F10" s="292" t="s">
        <v>287</v>
      </c>
      <c r="G10" s="292" t="s">
        <v>287</v>
      </c>
      <c r="H10" s="292" t="s">
        <v>287</v>
      </c>
      <c r="I10" s="292" t="s">
        <v>287</v>
      </c>
      <c r="J10" s="293" t="s">
        <v>287</v>
      </c>
      <c r="K10" s="297" t="s">
        <v>287</v>
      </c>
      <c r="L10" s="292" t="s">
        <v>287</v>
      </c>
      <c r="M10" s="298" t="s">
        <v>287</v>
      </c>
      <c r="N10" s="293" t="s">
        <v>287</v>
      </c>
      <c r="O10" s="292" t="s">
        <v>287</v>
      </c>
      <c r="P10" s="292" t="s">
        <v>287</v>
      </c>
      <c r="Q10" s="292" t="s">
        <v>287</v>
      </c>
      <c r="R10" s="293" t="s">
        <v>287</v>
      </c>
      <c r="S10" s="292" t="s">
        <v>287</v>
      </c>
      <c r="T10" s="292" t="s">
        <v>287</v>
      </c>
      <c r="U10" s="292" t="s">
        <v>287</v>
      </c>
      <c r="V10" s="293" t="s">
        <v>287</v>
      </c>
      <c r="W10" s="298" t="s">
        <v>287</v>
      </c>
      <c r="X10" s="298" t="s">
        <v>287</v>
      </c>
      <c r="Y10" s="292">
        <v>0</v>
      </c>
      <c r="Z10" s="298" t="s">
        <v>287</v>
      </c>
      <c r="AA10" s="299" t="s">
        <v>287</v>
      </c>
      <c r="AB10" s="297" t="s">
        <v>287</v>
      </c>
      <c r="AC10" s="298" t="s">
        <v>287</v>
      </c>
      <c r="AD10" s="299" t="s">
        <v>287</v>
      </c>
      <c r="AE10" s="298" t="s">
        <v>287</v>
      </c>
    </row>
    <row r="11" spans="1:31" x14ac:dyDescent="0.25">
      <c r="A11" s="288">
        <v>14</v>
      </c>
      <c r="B11" s="289" t="s">
        <v>18</v>
      </c>
      <c r="C11" s="290">
        <v>605703</v>
      </c>
      <c r="D11" s="291">
        <v>5070818</v>
      </c>
      <c r="E11" s="292">
        <v>1310234</v>
      </c>
      <c r="F11" s="292">
        <v>24057</v>
      </c>
      <c r="G11" s="292">
        <v>93200</v>
      </c>
      <c r="H11" s="292">
        <v>338420</v>
      </c>
      <c r="I11" s="292">
        <v>854</v>
      </c>
      <c r="J11" s="293">
        <v>1036741</v>
      </c>
      <c r="K11" s="291">
        <v>5070818</v>
      </c>
      <c r="L11" s="292">
        <v>3717825</v>
      </c>
      <c r="M11" s="292">
        <v>58041</v>
      </c>
      <c r="N11" s="293">
        <v>1291563</v>
      </c>
      <c r="O11" s="292">
        <v>282456</v>
      </c>
      <c r="P11" s="292">
        <v>64235</v>
      </c>
      <c r="Q11" s="292">
        <v>94150</v>
      </c>
      <c r="R11" s="293">
        <v>124071</v>
      </c>
      <c r="S11" s="292">
        <v>259547</v>
      </c>
      <c r="T11" s="292">
        <v>49751</v>
      </c>
      <c r="U11" s="292">
        <v>82222</v>
      </c>
      <c r="V11" s="293">
        <v>127574</v>
      </c>
      <c r="W11" s="292">
        <v>1415825</v>
      </c>
      <c r="X11" s="292">
        <v>110400</v>
      </c>
      <c r="Y11" s="292">
        <v>1832</v>
      </c>
      <c r="Z11" s="292">
        <v>216485</v>
      </c>
      <c r="AA11" s="293">
        <v>1307908</v>
      </c>
      <c r="AB11" s="291">
        <v>21704</v>
      </c>
      <c r="AC11" s="292">
        <v>9640</v>
      </c>
      <c r="AD11" s="303">
        <v>12064</v>
      </c>
      <c r="AE11" s="292">
        <v>122464</v>
      </c>
    </row>
    <row r="12" spans="1:31" x14ac:dyDescent="0.25">
      <c r="A12" s="288">
        <v>15</v>
      </c>
      <c r="B12" s="289" t="s">
        <v>59</v>
      </c>
      <c r="C12" s="290">
        <v>390636</v>
      </c>
      <c r="D12" s="291">
        <v>1618392</v>
      </c>
      <c r="E12" s="292">
        <v>513494</v>
      </c>
      <c r="F12" s="292">
        <v>12699</v>
      </c>
      <c r="G12" s="292">
        <v>30275</v>
      </c>
      <c r="H12" s="292">
        <v>159462</v>
      </c>
      <c r="I12" s="292">
        <v>43233</v>
      </c>
      <c r="J12" s="293">
        <v>112544</v>
      </c>
      <c r="K12" s="291">
        <v>1618392</v>
      </c>
      <c r="L12" s="292">
        <v>1423799</v>
      </c>
      <c r="M12" s="292">
        <v>69135</v>
      </c>
      <c r="N12" s="293">
        <v>125458</v>
      </c>
      <c r="O12" s="292">
        <v>103708</v>
      </c>
      <c r="P12" s="292">
        <v>28782</v>
      </c>
      <c r="Q12" s="292">
        <v>40990</v>
      </c>
      <c r="R12" s="293">
        <v>33936</v>
      </c>
      <c r="S12" s="292">
        <v>82447</v>
      </c>
      <c r="T12" s="292">
        <v>28872</v>
      </c>
      <c r="U12" s="292">
        <v>21138</v>
      </c>
      <c r="V12" s="293">
        <v>32437</v>
      </c>
      <c r="W12" s="292">
        <v>821896</v>
      </c>
      <c r="X12" s="292">
        <v>193461</v>
      </c>
      <c r="Y12" s="292">
        <v>18069</v>
      </c>
      <c r="Z12" s="292">
        <v>140405</v>
      </c>
      <c r="AA12" s="293">
        <v>856883</v>
      </c>
      <c r="AB12" s="292">
        <v>1100</v>
      </c>
      <c r="AC12" s="292">
        <v>67630</v>
      </c>
      <c r="AD12" s="293">
        <v>-66530</v>
      </c>
      <c r="AE12" s="292">
        <v>126931</v>
      </c>
    </row>
    <row r="13" spans="1:31" x14ac:dyDescent="0.25">
      <c r="A13" s="288">
        <v>16</v>
      </c>
      <c r="B13" s="289" t="s">
        <v>17</v>
      </c>
      <c r="C13" s="290">
        <v>4377389</v>
      </c>
      <c r="D13" s="291">
        <v>41331837</v>
      </c>
      <c r="E13" s="292">
        <v>14193747</v>
      </c>
      <c r="F13" s="292">
        <v>443875</v>
      </c>
      <c r="G13" s="292">
        <v>721272</v>
      </c>
      <c r="H13" s="292">
        <v>1619033</v>
      </c>
      <c r="I13" s="292">
        <v>425962</v>
      </c>
      <c r="J13" s="293">
        <v>4245256</v>
      </c>
      <c r="K13" s="291">
        <v>41331837</v>
      </c>
      <c r="L13" s="292">
        <v>31117737</v>
      </c>
      <c r="M13" s="292">
        <v>5167774</v>
      </c>
      <c r="N13" s="293">
        <v>5046279</v>
      </c>
      <c r="O13" s="292">
        <v>7675570</v>
      </c>
      <c r="P13" s="292">
        <v>3095804</v>
      </c>
      <c r="Q13" s="292">
        <v>2067227</v>
      </c>
      <c r="R13" s="293">
        <v>2512539</v>
      </c>
      <c r="S13" s="292">
        <v>8525405</v>
      </c>
      <c r="T13" s="292">
        <v>3374676</v>
      </c>
      <c r="U13" s="292">
        <v>2314638</v>
      </c>
      <c r="V13" s="293">
        <v>2836091</v>
      </c>
      <c r="W13" s="292">
        <v>18054115</v>
      </c>
      <c r="X13" s="292">
        <v>4360195</v>
      </c>
      <c r="Y13" s="292">
        <v>512959</v>
      </c>
      <c r="Z13" s="292">
        <v>2638571</v>
      </c>
      <c r="AA13" s="293">
        <v>19262780</v>
      </c>
      <c r="AB13" s="292">
        <v>3365195</v>
      </c>
      <c r="AC13" s="292">
        <v>3080591</v>
      </c>
      <c r="AD13" s="293">
        <v>284604</v>
      </c>
      <c r="AE13" s="292">
        <v>4644799</v>
      </c>
    </row>
    <row r="14" spans="1:31" x14ac:dyDescent="0.25">
      <c r="A14" s="288">
        <v>17</v>
      </c>
      <c r="B14" s="289" t="s">
        <v>16</v>
      </c>
      <c r="C14" s="296">
        <v>0</v>
      </c>
      <c r="D14" s="297">
        <v>0</v>
      </c>
      <c r="E14" s="298">
        <v>0</v>
      </c>
      <c r="F14" s="298">
        <v>0</v>
      </c>
      <c r="G14" s="298">
        <v>0</v>
      </c>
      <c r="H14" s="292">
        <v>0</v>
      </c>
      <c r="I14" s="292">
        <v>0</v>
      </c>
      <c r="J14" s="293">
        <v>0</v>
      </c>
      <c r="K14" s="297">
        <v>0</v>
      </c>
      <c r="L14" s="292">
        <v>0</v>
      </c>
      <c r="M14" s="292">
        <v>0</v>
      </c>
      <c r="N14" s="299">
        <v>0</v>
      </c>
      <c r="O14" s="298">
        <v>0</v>
      </c>
      <c r="P14" s="298">
        <v>0</v>
      </c>
      <c r="Q14" s="298">
        <v>0</v>
      </c>
      <c r="R14" s="299">
        <v>0</v>
      </c>
      <c r="S14" s="298">
        <v>0</v>
      </c>
      <c r="T14" s="298">
        <v>0</v>
      </c>
      <c r="U14" s="298">
        <v>0</v>
      </c>
      <c r="V14" s="299">
        <v>0</v>
      </c>
      <c r="W14" s="298">
        <v>0</v>
      </c>
      <c r="X14" s="298">
        <v>0</v>
      </c>
      <c r="Y14" s="298">
        <v>0</v>
      </c>
      <c r="Z14" s="298">
        <v>0</v>
      </c>
      <c r="AA14" s="299">
        <v>0</v>
      </c>
      <c r="AB14" s="298">
        <v>0</v>
      </c>
      <c r="AC14" s="298">
        <v>0</v>
      </c>
      <c r="AD14" s="302">
        <v>0</v>
      </c>
      <c r="AE14" s="298">
        <v>0</v>
      </c>
    </row>
    <row r="15" spans="1:31" x14ac:dyDescent="0.25">
      <c r="A15" s="288">
        <v>18</v>
      </c>
      <c r="B15" s="289" t="s">
        <v>15</v>
      </c>
      <c r="C15" s="296">
        <v>734561</v>
      </c>
      <c r="D15" s="291">
        <v>3600131</v>
      </c>
      <c r="E15" s="300">
        <v>954996</v>
      </c>
      <c r="F15" s="292">
        <v>8609</v>
      </c>
      <c r="G15" s="292">
        <v>79956</v>
      </c>
      <c r="H15" s="292">
        <v>120809</v>
      </c>
      <c r="I15" s="292">
        <v>23368</v>
      </c>
      <c r="J15" s="301">
        <v>509187</v>
      </c>
      <c r="K15" s="291">
        <v>3600131</v>
      </c>
      <c r="L15" s="292">
        <v>2659747</v>
      </c>
      <c r="M15" s="292">
        <v>59878</v>
      </c>
      <c r="N15" s="293">
        <v>880506</v>
      </c>
      <c r="O15" s="292">
        <v>341807</v>
      </c>
      <c r="P15" s="292">
        <v>66268</v>
      </c>
      <c r="Q15" s="292">
        <v>51381</v>
      </c>
      <c r="R15" s="293">
        <v>224158</v>
      </c>
      <c r="S15" s="292">
        <v>325163</v>
      </c>
      <c r="T15" s="292">
        <v>69936</v>
      </c>
      <c r="U15" s="292">
        <v>51744</v>
      </c>
      <c r="V15" s="293">
        <v>203483</v>
      </c>
      <c r="W15" s="292">
        <v>1536281</v>
      </c>
      <c r="X15" s="292">
        <v>224034</v>
      </c>
      <c r="Y15" s="292">
        <v>1419</v>
      </c>
      <c r="Z15" s="292">
        <v>212117</v>
      </c>
      <c r="AA15" s="293">
        <v>1546779</v>
      </c>
      <c r="AB15" s="292">
        <v>89039</v>
      </c>
      <c r="AC15" s="292">
        <v>104091</v>
      </c>
      <c r="AD15" s="302">
        <v>-15052</v>
      </c>
      <c r="AE15" s="292">
        <v>208982</v>
      </c>
    </row>
    <row r="16" spans="1:31" x14ac:dyDescent="0.25">
      <c r="A16" s="288">
        <v>19</v>
      </c>
      <c r="B16" s="289" t="s">
        <v>14</v>
      </c>
      <c r="C16" s="290">
        <v>0</v>
      </c>
      <c r="D16" s="291">
        <v>0</v>
      </c>
      <c r="E16" s="292">
        <v>0</v>
      </c>
      <c r="F16" s="292">
        <v>0</v>
      </c>
      <c r="G16" s="292">
        <v>0</v>
      </c>
      <c r="H16" s="292">
        <v>0</v>
      </c>
      <c r="I16" s="292">
        <v>0</v>
      </c>
      <c r="J16" s="293">
        <v>0</v>
      </c>
      <c r="K16" s="304">
        <v>0</v>
      </c>
      <c r="L16" s="300">
        <v>0</v>
      </c>
      <c r="M16" s="292">
        <v>0</v>
      </c>
      <c r="N16" s="293">
        <v>0</v>
      </c>
      <c r="O16" s="305">
        <v>0</v>
      </c>
      <c r="P16" s="305">
        <v>0</v>
      </c>
      <c r="Q16" s="305">
        <v>0</v>
      </c>
      <c r="R16" s="301">
        <v>0</v>
      </c>
      <c r="S16" s="305">
        <v>0</v>
      </c>
      <c r="T16" s="305">
        <v>0</v>
      </c>
      <c r="U16" s="300">
        <v>0</v>
      </c>
      <c r="V16" s="301">
        <v>0</v>
      </c>
      <c r="W16" s="300">
        <v>0</v>
      </c>
      <c r="X16" s="300">
        <v>0</v>
      </c>
      <c r="Y16" s="300">
        <v>0</v>
      </c>
      <c r="Z16" s="300">
        <v>0</v>
      </c>
      <c r="AA16" s="301">
        <v>0</v>
      </c>
      <c r="AB16" s="300">
        <v>0</v>
      </c>
      <c r="AC16" s="300">
        <v>0</v>
      </c>
      <c r="AD16" s="294">
        <v>0</v>
      </c>
      <c r="AE16" s="300">
        <v>0</v>
      </c>
    </row>
    <row r="17" spans="1:31" x14ac:dyDescent="0.25">
      <c r="A17" s="288">
        <v>20</v>
      </c>
      <c r="B17" s="289" t="s">
        <v>65</v>
      </c>
      <c r="C17" s="296" t="s">
        <v>287</v>
      </c>
      <c r="D17" s="297" t="s">
        <v>287</v>
      </c>
      <c r="E17" s="298" t="s">
        <v>287</v>
      </c>
      <c r="F17" s="298" t="s">
        <v>287</v>
      </c>
      <c r="G17" s="292" t="s">
        <v>287</v>
      </c>
      <c r="H17" s="298" t="s">
        <v>287</v>
      </c>
      <c r="I17" s="298" t="s">
        <v>287</v>
      </c>
      <c r="J17" s="298" t="s">
        <v>287</v>
      </c>
      <c r="K17" s="297" t="s">
        <v>287</v>
      </c>
      <c r="L17" s="292" t="s">
        <v>287</v>
      </c>
      <c r="M17" s="298" t="s">
        <v>287</v>
      </c>
      <c r="N17" s="298" t="s">
        <v>287</v>
      </c>
      <c r="O17" s="297" t="s">
        <v>287</v>
      </c>
      <c r="P17" s="298" t="s">
        <v>287</v>
      </c>
      <c r="Q17" s="298" t="s">
        <v>287</v>
      </c>
      <c r="R17" s="299" t="s">
        <v>287</v>
      </c>
      <c r="S17" s="298" t="s">
        <v>287</v>
      </c>
      <c r="T17" s="298" t="s">
        <v>287</v>
      </c>
      <c r="U17" s="298" t="s">
        <v>287</v>
      </c>
      <c r="V17" s="299" t="s">
        <v>287</v>
      </c>
      <c r="W17" s="298" t="s">
        <v>287</v>
      </c>
      <c r="X17" s="298" t="s">
        <v>287</v>
      </c>
      <c r="Y17" s="298" t="s">
        <v>287</v>
      </c>
      <c r="Z17" s="298" t="s">
        <v>287</v>
      </c>
      <c r="AA17" s="299" t="s">
        <v>287</v>
      </c>
      <c r="AB17" s="298" t="s">
        <v>287</v>
      </c>
      <c r="AC17" s="298" t="s">
        <v>287</v>
      </c>
      <c r="AD17" s="299" t="s">
        <v>287</v>
      </c>
      <c r="AE17" s="298" t="s">
        <v>287</v>
      </c>
    </row>
    <row r="18" spans="1:31" x14ac:dyDescent="0.25">
      <c r="A18" s="288">
        <v>21</v>
      </c>
      <c r="B18" s="289" t="s">
        <v>12</v>
      </c>
      <c r="C18" s="296">
        <v>359196</v>
      </c>
      <c r="D18" s="291">
        <v>2994679</v>
      </c>
      <c r="E18" s="300">
        <v>1149382</v>
      </c>
      <c r="F18" s="292">
        <v>3565</v>
      </c>
      <c r="G18" s="292">
        <v>82433</v>
      </c>
      <c r="H18" s="292">
        <v>64522</v>
      </c>
      <c r="I18" s="298">
        <v>14492</v>
      </c>
      <c r="J18" s="299">
        <v>55010</v>
      </c>
      <c r="K18" s="291">
        <v>2994679</v>
      </c>
      <c r="L18" s="292">
        <v>2752917</v>
      </c>
      <c r="M18" s="292">
        <v>0</v>
      </c>
      <c r="N18" s="293">
        <v>241762</v>
      </c>
      <c r="O18" s="292">
        <v>1268736</v>
      </c>
      <c r="P18" s="292">
        <v>335808</v>
      </c>
      <c r="Q18" s="292">
        <v>758476</v>
      </c>
      <c r="R18" s="293">
        <v>174452</v>
      </c>
      <c r="S18" s="292">
        <v>1196484</v>
      </c>
      <c r="T18" s="292">
        <v>270719</v>
      </c>
      <c r="U18" s="292">
        <v>722252</v>
      </c>
      <c r="V18" s="293">
        <v>203513</v>
      </c>
      <c r="W18" s="292">
        <v>1653389</v>
      </c>
      <c r="X18" s="292">
        <v>251636</v>
      </c>
      <c r="Y18" s="292">
        <v>217544</v>
      </c>
      <c r="Z18" s="292">
        <v>158278</v>
      </c>
      <c r="AA18" s="292">
        <v>1529203</v>
      </c>
      <c r="AB18" s="291">
        <v>247129</v>
      </c>
      <c r="AC18" s="292">
        <v>42222</v>
      </c>
      <c r="AD18" s="306">
        <v>204907</v>
      </c>
      <c r="AE18" s="291">
        <v>456543</v>
      </c>
    </row>
    <row r="19" spans="1:31" x14ac:dyDescent="0.25">
      <c r="A19" s="288">
        <v>22</v>
      </c>
      <c r="B19" s="289" t="s">
        <v>11</v>
      </c>
      <c r="C19" s="296">
        <v>327707</v>
      </c>
      <c r="D19" s="297">
        <v>2600816</v>
      </c>
      <c r="E19" s="298">
        <v>796255</v>
      </c>
      <c r="F19" s="298">
        <v>77577</v>
      </c>
      <c r="G19" s="292">
        <v>84129</v>
      </c>
      <c r="H19" s="298">
        <v>190390</v>
      </c>
      <c r="I19" s="298">
        <v>25063</v>
      </c>
      <c r="J19" s="299">
        <v>282545</v>
      </c>
      <c r="K19" s="297">
        <v>2600816</v>
      </c>
      <c r="L19" s="292">
        <v>2132234</v>
      </c>
      <c r="M19" s="292">
        <v>71547</v>
      </c>
      <c r="N19" s="299">
        <v>397035</v>
      </c>
      <c r="O19" s="298">
        <v>534209</v>
      </c>
      <c r="P19" s="298">
        <v>102795</v>
      </c>
      <c r="Q19" s="298">
        <v>420180</v>
      </c>
      <c r="R19" s="299">
        <v>11234</v>
      </c>
      <c r="S19" s="298">
        <v>548726</v>
      </c>
      <c r="T19" s="298">
        <v>100593</v>
      </c>
      <c r="U19" s="298">
        <v>441486</v>
      </c>
      <c r="V19" s="299">
        <v>6647</v>
      </c>
      <c r="W19" s="298">
        <v>1606914</v>
      </c>
      <c r="X19" s="298">
        <v>73778</v>
      </c>
      <c r="Y19" s="298">
        <v>7620</v>
      </c>
      <c r="Z19" s="298">
        <v>125146</v>
      </c>
      <c r="AA19" s="299">
        <v>1547926</v>
      </c>
      <c r="AB19" s="298">
        <v>91754</v>
      </c>
      <c r="AC19" s="298">
        <v>76049</v>
      </c>
      <c r="AD19" s="302">
        <v>15705</v>
      </c>
      <c r="AE19" s="298">
        <v>89483</v>
      </c>
    </row>
    <row r="20" spans="1:31" x14ac:dyDescent="0.25">
      <c r="A20" s="288">
        <v>23</v>
      </c>
      <c r="B20" s="289" t="s">
        <v>10</v>
      </c>
      <c r="C20" s="296">
        <v>284201</v>
      </c>
      <c r="D20" s="297">
        <v>1660738</v>
      </c>
      <c r="E20" s="298">
        <v>768333</v>
      </c>
      <c r="F20" s="298">
        <v>706</v>
      </c>
      <c r="G20" s="292">
        <v>50288</v>
      </c>
      <c r="H20" s="298">
        <v>7098</v>
      </c>
      <c r="I20" s="298">
        <v>84351</v>
      </c>
      <c r="J20" s="293">
        <v>37577</v>
      </c>
      <c r="K20" s="297">
        <v>1660738</v>
      </c>
      <c r="L20" s="292">
        <v>1572927</v>
      </c>
      <c r="M20" s="292">
        <v>39575</v>
      </c>
      <c r="N20" s="293">
        <v>48236</v>
      </c>
      <c r="O20" s="298">
        <v>2040145</v>
      </c>
      <c r="P20" s="298">
        <v>1463137</v>
      </c>
      <c r="Q20" s="298">
        <v>438162</v>
      </c>
      <c r="R20" s="299">
        <v>138846</v>
      </c>
      <c r="S20" s="298">
        <v>1930794</v>
      </c>
      <c r="T20" s="298">
        <v>1426364</v>
      </c>
      <c r="U20" s="298">
        <v>403298</v>
      </c>
      <c r="V20" s="299">
        <v>101132</v>
      </c>
      <c r="W20" s="298">
        <v>621731</v>
      </c>
      <c r="X20" s="298">
        <v>144331</v>
      </c>
      <c r="Y20" s="298">
        <v>4886</v>
      </c>
      <c r="Z20" s="298">
        <v>80446</v>
      </c>
      <c r="AA20" s="299">
        <v>680730</v>
      </c>
      <c r="AB20" s="298">
        <v>1116486</v>
      </c>
      <c r="AC20" s="298">
        <v>137081</v>
      </c>
      <c r="AD20" s="302">
        <v>979405</v>
      </c>
      <c r="AE20" s="298">
        <v>1123736</v>
      </c>
    </row>
    <row r="21" spans="1:31" x14ac:dyDescent="0.25">
      <c r="A21" s="288">
        <v>24</v>
      </c>
      <c r="B21" s="289" t="s">
        <v>9</v>
      </c>
      <c r="C21" s="290">
        <v>778269</v>
      </c>
      <c r="D21" s="291">
        <v>3767931</v>
      </c>
      <c r="E21" s="292">
        <v>1540936</v>
      </c>
      <c r="F21" s="292">
        <v>28811</v>
      </c>
      <c r="G21" s="292">
        <v>107413</v>
      </c>
      <c r="H21" s="292">
        <v>314037</v>
      </c>
      <c r="I21" s="292">
        <v>23837</v>
      </c>
      <c r="J21" s="293">
        <v>9263</v>
      </c>
      <c r="K21" s="291">
        <v>3767931</v>
      </c>
      <c r="L21" s="292">
        <v>2417960</v>
      </c>
      <c r="M21" s="292">
        <v>1219518</v>
      </c>
      <c r="N21" s="293">
        <v>130453</v>
      </c>
      <c r="O21" s="292">
        <v>283061</v>
      </c>
      <c r="P21" s="292">
        <v>62311</v>
      </c>
      <c r="Q21" s="292">
        <v>176939</v>
      </c>
      <c r="R21" s="293">
        <v>43811</v>
      </c>
      <c r="S21" s="292">
        <v>367229</v>
      </c>
      <c r="T21" s="292">
        <v>36311</v>
      </c>
      <c r="U21" s="292">
        <v>258839</v>
      </c>
      <c r="V21" s="293">
        <v>72079</v>
      </c>
      <c r="W21" s="292">
        <v>1881932</v>
      </c>
      <c r="X21" s="292">
        <v>152154</v>
      </c>
      <c r="Y21" s="292">
        <v>2599</v>
      </c>
      <c r="Z21" s="292">
        <v>217767</v>
      </c>
      <c r="AA21" s="293">
        <v>1813720</v>
      </c>
      <c r="AB21" s="292">
        <v>57934</v>
      </c>
      <c r="AC21" s="292">
        <v>86556</v>
      </c>
      <c r="AD21" s="294">
        <v>-28622</v>
      </c>
      <c r="AE21" s="292">
        <v>123532</v>
      </c>
    </row>
    <row r="22" spans="1:31" x14ac:dyDescent="0.25">
      <c r="A22" s="288">
        <v>25</v>
      </c>
      <c r="B22" s="289" t="s">
        <v>58</v>
      </c>
      <c r="C22" s="290">
        <v>546020</v>
      </c>
      <c r="D22" s="291">
        <v>3317319</v>
      </c>
      <c r="E22" s="292">
        <v>1156459</v>
      </c>
      <c r="F22" s="292">
        <v>7257</v>
      </c>
      <c r="G22" s="292">
        <v>77667</v>
      </c>
      <c r="H22" s="292">
        <v>815869</v>
      </c>
      <c r="I22" s="292">
        <v>32949</v>
      </c>
      <c r="J22" s="293">
        <v>122024</v>
      </c>
      <c r="K22" s="291">
        <v>3317319</v>
      </c>
      <c r="L22" s="292">
        <v>2930273</v>
      </c>
      <c r="M22" s="292">
        <v>249512</v>
      </c>
      <c r="N22" s="293">
        <v>137534</v>
      </c>
      <c r="O22" s="292">
        <v>576233</v>
      </c>
      <c r="P22" s="292">
        <v>269409</v>
      </c>
      <c r="Q22" s="292">
        <v>180828</v>
      </c>
      <c r="R22" s="293">
        <v>125996</v>
      </c>
      <c r="S22" s="292">
        <v>432560</v>
      </c>
      <c r="T22" s="292">
        <v>232169</v>
      </c>
      <c r="U22" s="292">
        <v>92431</v>
      </c>
      <c r="V22" s="293">
        <v>107960</v>
      </c>
      <c r="W22" s="292">
        <v>1229536</v>
      </c>
      <c r="X22" s="292">
        <v>159405</v>
      </c>
      <c r="Y22" s="292">
        <v>43083</v>
      </c>
      <c r="Z22" s="292">
        <v>300146</v>
      </c>
      <c r="AA22" s="293">
        <v>1045712</v>
      </c>
      <c r="AB22" s="292">
        <v>146259</v>
      </c>
      <c r="AC22" s="292">
        <v>147087</v>
      </c>
      <c r="AD22" s="294">
        <v>-828</v>
      </c>
      <c r="AE22" s="292">
        <v>158577</v>
      </c>
    </row>
    <row r="23" spans="1:31" x14ac:dyDescent="0.25">
      <c r="A23" s="288">
        <v>26</v>
      </c>
      <c r="B23" s="289" t="s">
        <v>57</v>
      </c>
      <c r="C23" s="290">
        <v>3412609</v>
      </c>
      <c r="D23" s="291">
        <v>29551331</v>
      </c>
      <c r="E23" s="292">
        <v>13762189</v>
      </c>
      <c r="F23" s="292">
        <v>42815</v>
      </c>
      <c r="G23" s="292">
        <v>348268</v>
      </c>
      <c r="H23" s="292">
        <v>2794089</v>
      </c>
      <c r="I23" s="292">
        <v>329998</v>
      </c>
      <c r="J23" s="293">
        <v>17796</v>
      </c>
      <c r="K23" s="291">
        <v>29551331</v>
      </c>
      <c r="L23" s="292">
        <v>29282429</v>
      </c>
      <c r="M23" s="292">
        <v>208682</v>
      </c>
      <c r="N23" s="293">
        <v>60220</v>
      </c>
      <c r="O23" s="292">
        <v>7379966</v>
      </c>
      <c r="P23" s="292">
        <v>1609668</v>
      </c>
      <c r="Q23" s="292">
        <v>3044683</v>
      </c>
      <c r="R23" s="293">
        <v>2725615</v>
      </c>
      <c r="S23" s="292">
        <v>6826335</v>
      </c>
      <c r="T23" s="292">
        <v>1409298</v>
      </c>
      <c r="U23" s="292">
        <v>3116474</v>
      </c>
      <c r="V23" s="293">
        <v>2300563</v>
      </c>
      <c r="W23" s="292">
        <v>4718268</v>
      </c>
      <c r="X23" s="292">
        <v>1123586</v>
      </c>
      <c r="Y23" s="292">
        <v>330870</v>
      </c>
      <c r="Z23" s="292">
        <v>1099459</v>
      </c>
      <c r="AA23" s="293">
        <v>4411525</v>
      </c>
      <c r="AB23" s="292">
        <v>925269</v>
      </c>
      <c r="AC23" s="292">
        <v>995123</v>
      </c>
      <c r="AD23" s="294">
        <v>-69854</v>
      </c>
      <c r="AE23" s="292">
        <v>1053732</v>
      </c>
    </row>
    <row r="24" spans="1:31" x14ac:dyDescent="0.25">
      <c r="A24" s="288">
        <v>27</v>
      </c>
      <c r="B24" s="289" t="s">
        <v>56</v>
      </c>
      <c r="C24" s="307" t="s">
        <v>287</v>
      </c>
      <c r="D24" s="304" t="s">
        <v>287</v>
      </c>
      <c r="E24" s="300" t="s">
        <v>287</v>
      </c>
      <c r="F24" s="300" t="s">
        <v>287</v>
      </c>
      <c r="G24" s="300" t="s">
        <v>287</v>
      </c>
      <c r="H24" s="305" t="s">
        <v>287</v>
      </c>
      <c r="I24" s="305" t="s">
        <v>287</v>
      </c>
      <c r="J24" s="301" t="s">
        <v>287</v>
      </c>
      <c r="K24" s="304" t="s">
        <v>287</v>
      </c>
      <c r="L24" s="300" t="s">
        <v>287</v>
      </c>
      <c r="M24" s="298" t="s">
        <v>287</v>
      </c>
      <c r="N24" s="293" t="s">
        <v>287</v>
      </c>
      <c r="O24" s="305" t="s">
        <v>287</v>
      </c>
      <c r="P24" s="305" t="s">
        <v>287</v>
      </c>
      <c r="Q24" s="305" t="s">
        <v>287</v>
      </c>
      <c r="R24" s="301" t="s">
        <v>287</v>
      </c>
      <c r="S24" s="305" t="s">
        <v>287</v>
      </c>
      <c r="T24" s="305" t="s">
        <v>287</v>
      </c>
      <c r="U24" s="300" t="s">
        <v>287</v>
      </c>
      <c r="V24" s="301" t="s">
        <v>287</v>
      </c>
      <c r="W24" s="300" t="s">
        <v>287</v>
      </c>
      <c r="X24" s="300">
        <v>0</v>
      </c>
      <c r="Y24" s="300">
        <v>0</v>
      </c>
      <c r="Z24" s="300" t="s">
        <v>287</v>
      </c>
      <c r="AA24" s="301" t="s">
        <v>287</v>
      </c>
      <c r="AB24" s="298" t="s">
        <v>287</v>
      </c>
      <c r="AC24" s="298" t="s">
        <v>287</v>
      </c>
      <c r="AD24" s="299" t="s">
        <v>287</v>
      </c>
      <c r="AE24" s="298" t="s">
        <v>287</v>
      </c>
    </row>
    <row r="25" spans="1:31" x14ac:dyDescent="0.25">
      <c r="A25" s="288">
        <v>28</v>
      </c>
      <c r="B25" s="308" t="s">
        <v>55</v>
      </c>
      <c r="C25" s="296">
        <v>2649744</v>
      </c>
      <c r="D25" s="291">
        <v>14904919</v>
      </c>
      <c r="E25" s="300">
        <v>3843933</v>
      </c>
      <c r="F25" s="292">
        <v>12756</v>
      </c>
      <c r="G25" s="300">
        <v>189271</v>
      </c>
      <c r="H25" s="292">
        <v>1783728</v>
      </c>
      <c r="I25" s="305">
        <v>169308</v>
      </c>
      <c r="J25" s="301">
        <v>1372219</v>
      </c>
      <c r="K25" s="291">
        <v>14904919</v>
      </c>
      <c r="L25" s="292">
        <v>13179356</v>
      </c>
      <c r="M25" s="292">
        <v>136437</v>
      </c>
      <c r="N25" s="293">
        <v>1589126</v>
      </c>
      <c r="O25" s="292">
        <v>1643624</v>
      </c>
      <c r="P25" s="292">
        <v>550005</v>
      </c>
      <c r="Q25" s="292">
        <v>422694</v>
      </c>
      <c r="R25" s="293">
        <v>670925</v>
      </c>
      <c r="S25" s="292">
        <v>1423342</v>
      </c>
      <c r="T25" s="292">
        <v>502056</v>
      </c>
      <c r="U25" s="292">
        <v>373098</v>
      </c>
      <c r="V25" s="293">
        <v>548188</v>
      </c>
      <c r="W25" s="292">
        <v>6476631</v>
      </c>
      <c r="X25" s="292">
        <v>471917</v>
      </c>
      <c r="Y25" s="292">
        <v>519215</v>
      </c>
      <c r="Z25" s="292">
        <v>1252012</v>
      </c>
      <c r="AA25" s="293">
        <v>5177321</v>
      </c>
      <c r="AB25" s="291">
        <v>423533</v>
      </c>
      <c r="AC25" s="292">
        <v>448233</v>
      </c>
      <c r="AD25" s="302">
        <v>-24700</v>
      </c>
      <c r="AE25" s="292">
        <v>447217</v>
      </c>
    </row>
    <row r="26" spans="1:31" x14ac:dyDescent="0.25">
      <c r="A26" s="288">
        <v>29</v>
      </c>
      <c r="B26" s="289" t="s">
        <v>54</v>
      </c>
      <c r="C26" s="307">
        <v>109212</v>
      </c>
      <c r="D26" s="304">
        <v>280846</v>
      </c>
      <c r="E26" s="300">
        <v>99620</v>
      </c>
      <c r="F26" s="300">
        <v>210</v>
      </c>
      <c r="G26" s="300">
        <v>3944</v>
      </c>
      <c r="H26" s="305">
        <v>39668</v>
      </c>
      <c r="I26" s="305">
        <v>3567</v>
      </c>
      <c r="J26" s="301">
        <v>0</v>
      </c>
      <c r="K26" s="291">
        <v>280846</v>
      </c>
      <c r="L26" s="292">
        <v>211382</v>
      </c>
      <c r="M26" s="292">
        <v>69464</v>
      </c>
      <c r="N26" s="293">
        <v>0</v>
      </c>
      <c r="O26" s="292">
        <v>35137</v>
      </c>
      <c r="P26" s="292">
        <v>10731</v>
      </c>
      <c r="Q26" s="292">
        <v>18723</v>
      </c>
      <c r="R26" s="293">
        <v>5683</v>
      </c>
      <c r="S26" s="292">
        <v>36965</v>
      </c>
      <c r="T26" s="292">
        <v>10717</v>
      </c>
      <c r="U26" s="292">
        <v>17185</v>
      </c>
      <c r="V26" s="293">
        <v>9063</v>
      </c>
      <c r="W26" s="292">
        <v>80209</v>
      </c>
      <c r="X26" s="292">
        <v>1459</v>
      </c>
      <c r="Y26" s="292">
        <v>9</v>
      </c>
      <c r="Z26" s="292">
        <v>5828</v>
      </c>
      <c r="AA26" s="293">
        <v>75831</v>
      </c>
      <c r="AB26" s="292">
        <v>0</v>
      </c>
      <c r="AC26" s="292">
        <v>0</v>
      </c>
      <c r="AD26" s="294">
        <v>0</v>
      </c>
      <c r="AE26" s="292">
        <v>1459</v>
      </c>
    </row>
    <row r="27" spans="1:31" x14ac:dyDescent="0.25">
      <c r="A27" s="288">
        <v>30</v>
      </c>
      <c r="B27" s="289" t="s">
        <v>3</v>
      </c>
      <c r="C27" s="307" t="s">
        <v>287</v>
      </c>
      <c r="D27" s="304" t="s">
        <v>287</v>
      </c>
      <c r="E27" s="300" t="s">
        <v>287</v>
      </c>
      <c r="F27" s="300" t="s">
        <v>287</v>
      </c>
      <c r="G27" s="300" t="s">
        <v>287</v>
      </c>
      <c r="H27" s="305" t="s">
        <v>287</v>
      </c>
      <c r="I27" s="298" t="s">
        <v>287</v>
      </c>
      <c r="J27" s="298" t="s">
        <v>287</v>
      </c>
      <c r="K27" s="291" t="s">
        <v>287</v>
      </c>
      <c r="L27" s="292" t="s">
        <v>287</v>
      </c>
      <c r="M27" s="292" t="s">
        <v>287</v>
      </c>
      <c r="N27" s="301" t="s">
        <v>287</v>
      </c>
      <c r="O27" s="292" t="s">
        <v>287</v>
      </c>
      <c r="P27" s="292" t="s">
        <v>287</v>
      </c>
      <c r="Q27" s="292" t="s">
        <v>287</v>
      </c>
      <c r="R27" s="299" t="s">
        <v>287</v>
      </c>
      <c r="S27" s="292" t="s">
        <v>287</v>
      </c>
      <c r="T27" s="292" t="s">
        <v>287</v>
      </c>
      <c r="U27" s="292" t="s">
        <v>287</v>
      </c>
      <c r="V27" s="299" t="s">
        <v>287</v>
      </c>
      <c r="W27" s="292" t="s">
        <v>287</v>
      </c>
      <c r="X27" s="292" t="s">
        <v>287</v>
      </c>
      <c r="Y27" s="292" t="s">
        <v>287</v>
      </c>
      <c r="Z27" s="292" t="s">
        <v>287</v>
      </c>
      <c r="AA27" s="293" t="s">
        <v>287</v>
      </c>
      <c r="AB27" s="292" t="s">
        <v>287</v>
      </c>
      <c r="AC27" s="292" t="s">
        <v>287</v>
      </c>
      <c r="AD27" s="294" t="s">
        <v>287</v>
      </c>
      <c r="AE27" s="309" t="s">
        <v>287</v>
      </c>
    </row>
    <row r="28" spans="1:31" x14ac:dyDescent="0.25">
      <c r="A28" s="288">
        <v>31</v>
      </c>
      <c r="B28" s="289" t="s">
        <v>2</v>
      </c>
      <c r="C28" s="290">
        <v>815285</v>
      </c>
      <c r="D28" s="291">
        <v>3721517</v>
      </c>
      <c r="E28" s="292">
        <v>1712601</v>
      </c>
      <c r="F28" s="292">
        <v>25868</v>
      </c>
      <c r="G28" s="292">
        <v>63076</v>
      </c>
      <c r="H28" s="292">
        <v>174225</v>
      </c>
      <c r="I28" s="292">
        <v>39774</v>
      </c>
      <c r="J28" s="293">
        <v>63773</v>
      </c>
      <c r="K28" s="291">
        <v>3721517</v>
      </c>
      <c r="L28" s="292">
        <v>3140705</v>
      </c>
      <c r="M28" s="292">
        <v>509363</v>
      </c>
      <c r="N28" s="293">
        <v>71449</v>
      </c>
      <c r="O28" s="292">
        <v>384901</v>
      </c>
      <c r="P28" s="292">
        <v>114898</v>
      </c>
      <c r="Q28" s="292">
        <v>144121</v>
      </c>
      <c r="R28" s="293">
        <v>125882</v>
      </c>
      <c r="S28" s="292">
        <v>315246</v>
      </c>
      <c r="T28" s="292">
        <v>95051</v>
      </c>
      <c r="U28" s="292">
        <v>107004</v>
      </c>
      <c r="V28" s="293">
        <v>113191</v>
      </c>
      <c r="W28" s="292">
        <v>1819053</v>
      </c>
      <c r="X28" s="292">
        <v>237476</v>
      </c>
      <c r="Y28" s="292">
        <v>23597</v>
      </c>
      <c r="Z28" s="292">
        <v>223292</v>
      </c>
      <c r="AA28" s="293">
        <v>1809640</v>
      </c>
      <c r="AB28" s="292">
        <v>95260</v>
      </c>
      <c r="AC28" s="292">
        <v>185408</v>
      </c>
      <c r="AD28" s="303">
        <v>-90148</v>
      </c>
      <c r="AE28" s="292">
        <v>147328</v>
      </c>
    </row>
    <row r="29" spans="1:31" ht="13.15" thickBot="1" x14ac:dyDescent="0.3">
      <c r="A29" s="310">
        <v>32</v>
      </c>
      <c r="B29" s="311" t="s">
        <v>1</v>
      </c>
      <c r="C29" s="312" t="s">
        <v>287</v>
      </c>
      <c r="D29" s="313" t="s">
        <v>287</v>
      </c>
      <c r="E29" s="314" t="s">
        <v>287</v>
      </c>
      <c r="F29" s="314" t="s">
        <v>287</v>
      </c>
      <c r="G29" s="314" t="s">
        <v>287</v>
      </c>
      <c r="H29" s="314" t="s">
        <v>287</v>
      </c>
      <c r="I29" s="314" t="s">
        <v>287</v>
      </c>
      <c r="J29" s="315" t="s">
        <v>287</v>
      </c>
      <c r="K29" s="313" t="s">
        <v>287</v>
      </c>
      <c r="L29" s="314" t="s">
        <v>287</v>
      </c>
      <c r="M29" s="314" t="s">
        <v>287</v>
      </c>
      <c r="N29" s="315" t="s">
        <v>287</v>
      </c>
      <c r="O29" s="316" t="s">
        <v>287</v>
      </c>
      <c r="P29" s="317" t="s">
        <v>287</v>
      </c>
      <c r="Q29" s="317" t="s">
        <v>287</v>
      </c>
      <c r="R29" s="318" t="s">
        <v>287</v>
      </c>
      <c r="S29" s="316" t="s">
        <v>287</v>
      </c>
      <c r="T29" s="317" t="s">
        <v>287</v>
      </c>
      <c r="U29" s="317" t="s">
        <v>287</v>
      </c>
      <c r="V29" s="318" t="s">
        <v>287</v>
      </c>
      <c r="W29" s="314" t="s">
        <v>287</v>
      </c>
      <c r="X29" s="314" t="s">
        <v>287</v>
      </c>
      <c r="Y29" s="314" t="s">
        <v>287</v>
      </c>
      <c r="Z29" s="314" t="s">
        <v>287</v>
      </c>
      <c r="AA29" s="315" t="s">
        <v>287</v>
      </c>
      <c r="AB29" s="314" t="s">
        <v>287</v>
      </c>
      <c r="AC29" s="314" t="s">
        <v>287</v>
      </c>
      <c r="AD29" s="315" t="s">
        <v>287</v>
      </c>
      <c r="AE29" s="314" t="s">
        <v>287</v>
      </c>
    </row>
    <row r="30" spans="1:31" x14ac:dyDescent="0.25">
      <c r="A30" s="187" t="s">
        <v>241</v>
      </c>
      <c r="B30" s="319"/>
      <c r="C30" s="320"/>
      <c r="D30" s="320"/>
      <c r="E30" s="320"/>
      <c r="F30" s="320"/>
      <c r="G30" s="320"/>
      <c r="H30" s="320"/>
      <c r="I30" s="320"/>
      <c r="J30" s="320"/>
      <c r="K30" s="320"/>
      <c r="L30" s="320"/>
      <c r="M30" s="320"/>
      <c r="N30" s="320"/>
      <c r="O30" s="321"/>
      <c r="P30" s="321"/>
      <c r="Q30" s="321"/>
      <c r="R30" s="321"/>
      <c r="S30" s="321"/>
      <c r="T30" s="321"/>
      <c r="U30" s="321"/>
      <c r="V30" s="321"/>
      <c r="W30" s="320"/>
      <c r="X30" s="320"/>
      <c r="Y30" s="320"/>
      <c r="Z30" s="320"/>
      <c r="AA30" s="320"/>
      <c r="AB30" s="320"/>
      <c r="AC30" s="320"/>
      <c r="AD30" s="322"/>
      <c r="AE30" s="320"/>
    </row>
    <row r="31" spans="1:31" x14ac:dyDescent="0.25">
      <c r="A31" s="187" t="s">
        <v>491</v>
      </c>
      <c r="C31" s="256"/>
      <c r="D31" s="256"/>
      <c r="E31" s="256"/>
      <c r="F31" s="256"/>
      <c r="G31" s="256"/>
      <c r="H31" s="256"/>
      <c r="I31" s="256"/>
      <c r="J31" s="256"/>
      <c r="K31" s="256"/>
      <c r="L31" s="256"/>
      <c r="M31" s="256"/>
      <c r="N31" s="256"/>
      <c r="O31" s="256"/>
      <c r="P31" s="256"/>
      <c r="Q31" s="256"/>
      <c r="R31" s="256"/>
      <c r="S31" s="256"/>
      <c r="T31" s="256"/>
      <c r="U31" s="256"/>
      <c r="V31" s="256"/>
      <c r="W31" s="256"/>
      <c r="X31" s="256"/>
      <c r="Y31" s="256"/>
      <c r="Z31" s="256"/>
      <c r="AA31" s="256"/>
      <c r="AB31" s="256"/>
      <c r="AC31" s="256"/>
      <c r="AD31" s="323"/>
      <c r="AE31" s="256"/>
    </row>
    <row r="32" spans="1:31" s="145" customFormat="1" x14ac:dyDescent="0.25">
      <c r="A32" s="187" t="s">
        <v>509</v>
      </c>
      <c r="C32" s="133"/>
      <c r="D32" s="133"/>
      <c r="E32" s="133"/>
      <c r="F32" s="133"/>
      <c r="G32" s="133"/>
      <c r="H32" s="133"/>
      <c r="I32" s="133"/>
      <c r="J32" s="133"/>
      <c r="K32" s="133"/>
      <c r="L32" s="133"/>
      <c r="M32" s="133"/>
      <c r="N32" s="133"/>
    </row>
    <row r="33" spans="2:10" x14ac:dyDescent="0.25">
      <c r="B33" s="324"/>
      <c r="C33" s="256"/>
      <c r="D33" s="256"/>
      <c r="E33" s="256"/>
      <c r="F33" s="256"/>
      <c r="G33" s="256"/>
      <c r="H33" s="256"/>
      <c r="I33" s="256"/>
      <c r="J33" s="256"/>
    </row>
  </sheetData>
  <mergeCells count="12">
    <mergeCell ref="A1:AE1"/>
    <mergeCell ref="L3:N3"/>
    <mergeCell ref="A3:B4"/>
    <mergeCell ref="C3:C4"/>
    <mergeCell ref="D3:D4"/>
    <mergeCell ref="E3:J3"/>
    <mergeCell ref="K3:K4"/>
    <mergeCell ref="O3:O4"/>
    <mergeCell ref="S3:S4"/>
    <mergeCell ref="W3:AA3"/>
    <mergeCell ref="AB3:AD3"/>
    <mergeCell ref="AE3:AE4"/>
  </mergeCells>
  <phoneticPr fontId="3"/>
  <printOptions horizontalCentered="1"/>
  <pageMargins left="0.25" right="0.25" top="0.75" bottom="0.75" header="0.3" footer="0.3"/>
  <pageSetup paperSize="9" scale="29" fitToHeight="0" orientation="landscape" r:id="rId1"/>
  <headerFooter alignWithMargins="0">
    <oddFooter>&amp;C&amp;P</oddFooter>
  </headerFooter>
  <colBreaks count="1" manualBreakCount="1">
    <brk id="15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119"/>
  <sheetViews>
    <sheetView view="pageBreakPreview" zoomScaleNormal="100" zoomScaleSheetLayoutView="100" workbookViewId="0">
      <selection activeCell="I117" sqref="I117"/>
    </sheetView>
  </sheetViews>
  <sheetFormatPr defaultColWidth="9" defaultRowHeight="12.75" x14ac:dyDescent="0.25"/>
  <cols>
    <col min="1" max="1" width="2.6640625" style="54" customWidth="1"/>
    <col min="2" max="2" width="8.1328125" style="54" customWidth="1"/>
    <col min="3" max="27" width="6.46484375" style="54" customWidth="1"/>
    <col min="28" max="28" width="7.6640625" style="74" customWidth="1"/>
    <col min="29" max="29" width="11.796875" style="71" customWidth="1"/>
    <col min="30" max="16384" width="9" style="54"/>
  </cols>
  <sheetData>
    <row r="1" spans="1:32" ht="14.25" x14ac:dyDescent="0.25">
      <c r="A1" s="105" t="s">
        <v>632</v>
      </c>
      <c r="B1" s="105"/>
      <c r="C1" s="105"/>
      <c r="D1" s="105"/>
      <c r="E1" s="105"/>
      <c r="F1" s="105"/>
      <c r="G1" s="105"/>
      <c r="H1" s="105"/>
      <c r="I1" s="105"/>
      <c r="J1" s="105"/>
      <c r="K1" s="105"/>
      <c r="L1" s="105"/>
      <c r="M1" s="105"/>
      <c r="N1" s="105"/>
      <c r="O1" s="105"/>
      <c r="P1" s="105"/>
      <c r="Q1" s="105"/>
      <c r="R1" s="105"/>
      <c r="S1" s="105"/>
      <c r="T1" s="105"/>
      <c r="U1" s="105"/>
      <c r="V1" s="105"/>
      <c r="W1" s="105"/>
      <c r="X1" s="105"/>
      <c r="Y1" s="105"/>
      <c r="Z1" s="105"/>
      <c r="AA1" s="105"/>
      <c r="AB1" s="105"/>
      <c r="AC1" s="105"/>
    </row>
    <row r="2" spans="1:32" ht="13.15" thickBot="1" x14ac:dyDescent="0.3">
      <c r="A2" s="106" t="s">
        <v>31</v>
      </c>
      <c r="B2" s="106"/>
      <c r="C2" s="106"/>
      <c r="D2" s="55"/>
      <c r="E2" s="55"/>
      <c r="F2" s="55"/>
      <c r="G2" s="55"/>
      <c r="H2" s="55"/>
      <c r="I2" s="55"/>
      <c r="J2" s="55"/>
      <c r="K2" s="55"/>
      <c r="L2" s="55"/>
      <c r="M2" s="55"/>
      <c r="N2" s="55"/>
      <c r="O2" s="55"/>
      <c r="P2" s="55"/>
      <c r="Q2" s="55"/>
      <c r="R2" s="55"/>
      <c r="S2" s="55"/>
      <c r="T2" s="55"/>
      <c r="U2" s="55"/>
      <c r="V2" s="55"/>
      <c r="W2" s="55"/>
      <c r="X2" s="55"/>
      <c r="Y2" s="55"/>
      <c r="Z2" s="55"/>
      <c r="AA2" s="107" t="s">
        <v>510</v>
      </c>
      <c r="AB2" s="107"/>
      <c r="AC2" s="107"/>
    </row>
    <row r="3" spans="1:32" ht="13.5" customHeight="1" x14ac:dyDescent="0.25">
      <c r="A3" s="108" t="s">
        <v>511</v>
      </c>
      <c r="B3" s="109"/>
      <c r="C3" s="112" t="s">
        <v>512</v>
      </c>
      <c r="D3" s="112"/>
      <c r="E3" s="112"/>
      <c r="F3" s="112"/>
      <c r="G3" s="112"/>
      <c r="H3" s="112"/>
      <c r="I3" s="112"/>
      <c r="J3" s="112"/>
      <c r="K3" s="112"/>
      <c r="L3" s="112"/>
      <c r="M3" s="112"/>
      <c r="N3" s="112"/>
      <c r="O3" s="112"/>
      <c r="P3" s="112"/>
      <c r="Q3" s="112"/>
      <c r="R3" s="112"/>
      <c r="S3" s="112"/>
      <c r="T3" s="112"/>
      <c r="U3" s="112"/>
      <c r="V3" s="112"/>
      <c r="W3" s="112"/>
      <c r="X3" s="112"/>
      <c r="Y3" s="112"/>
      <c r="Z3" s="112"/>
      <c r="AA3" s="112"/>
      <c r="AB3" s="113" t="s">
        <v>513</v>
      </c>
      <c r="AC3" s="116" t="s">
        <v>514</v>
      </c>
    </row>
    <row r="4" spans="1:32" ht="13.5" customHeight="1" x14ac:dyDescent="0.25">
      <c r="A4" s="110"/>
      <c r="B4" s="111"/>
      <c r="C4" s="119" t="s">
        <v>515</v>
      </c>
      <c r="D4" s="75">
        <v>9</v>
      </c>
      <c r="E4" s="75">
        <v>10</v>
      </c>
      <c r="F4" s="75">
        <v>11</v>
      </c>
      <c r="G4" s="75">
        <v>12</v>
      </c>
      <c r="H4" s="75">
        <v>13</v>
      </c>
      <c r="I4" s="75">
        <v>14</v>
      </c>
      <c r="J4" s="75">
        <v>15</v>
      </c>
      <c r="K4" s="75">
        <v>16</v>
      </c>
      <c r="L4" s="75">
        <v>17</v>
      </c>
      <c r="M4" s="75">
        <v>18</v>
      </c>
      <c r="N4" s="75">
        <v>19</v>
      </c>
      <c r="O4" s="75">
        <v>20</v>
      </c>
      <c r="P4" s="75">
        <v>21</v>
      </c>
      <c r="Q4" s="75">
        <v>22</v>
      </c>
      <c r="R4" s="75">
        <v>23</v>
      </c>
      <c r="S4" s="75">
        <v>24</v>
      </c>
      <c r="T4" s="75">
        <v>25</v>
      </c>
      <c r="U4" s="75">
        <v>26</v>
      </c>
      <c r="V4" s="75">
        <v>27</v>
      </c>
      <c r="W4" s="75">
        <v>28</v>
      </c>
      <c r="X4" s="75">
        <v>29</v>
      </c>
      <c r="Y4" s="75">
        <v>30</v>
      </c>
      <c r="Z4" s="75">
        <v>31</v>
      </c>
      <c r="AA4" s="75">
        <v>32</v>
      </c>
      <c r="AB4" s="114"/>
      <c r="AC4" s="117"/>
    </row>
    <row r="5" spans="1:32" ht="14.25" customHeight="1" x14ac:dyDescent="0.25">
      <c r="A5" s="110"/>
      <c r="B5" s="111"/>
      <c r="C5" s="120"/>
      <c r="D5" s="122" t="s">
        <v>516</v>
      </c>
      <c r="E5" s="124" t="s">
        <v>517</v>
      </c>
      <c r="F5" s="124" t="s">
        <v>518</v>
      </c>
      <c r="G5" s="124" t="s">
        <v>519</v>
      </c>
      <c r="H5" s="124" t="s">
        <v>520</v>
      </c>
      <c r="I5" s="124" t="s">
        <v>521</v>
      </c>
      <c r="J5" s="124" t="s">
        <v>522</v>
      </c>
      <c r="K5" s="124" t="s">
        <v>523</v>
      </c>
      <c r="L5" s="124" t="s">
        <v>524</v>
      </c>
      <c r="M5" s="124" t="s">
        <v>525</v>
      </c>
      <c r="N5" s="124" t="s">
        <v>526</v>
      </c>
      <c r="O5" s="124" t="s">
        <v>527</v>
      </c>
      <c r="P5" s="124" t="s">
        <v>528</v>
      </c>
      <c r="Q5" s="124" t="s">
        <v>529</v>
      </c>
      <c r="R5" s="124" t="s">
        <v>530</v>
      </c>
      <c r="S5" s="124" t="s">
        <v>531</v>
      </c>
      <c r="T5" s="124" t="s">
        <v>532</v>
      </c>
      <c r="U5" s="124" t="s">
        <v>533</v>
      </c>
      <c r="V5" s="124" t="s">
        <v>534</v>
      </c>
      <c r="W5" s="124" t="s">
        <v>535</v>
      </c>
      <c r="X5" s="124" t="s">
        <v>536</v>
      </c>
      <c r="Y5" s="124" t="s">
        <v>537</v>
      </c>
      <c r="Z5" s="124" t="s">
        <v>538</v>
      </c>
      <c r="AA5" s="124" t="s">
        <v>539</v>
      </c>
      <c r="AB5" s="114"/>
      <c r="AC5" s="117"/>
      <c r="AE5" s="56"/>
      <c r="AF5" s="57"/>
    </row>
    <row r="6" spans="1:32" ht="14.25" customHeight="1" x14ac:dyDescent="0.25">
      <c r="A6" s="110"/>
      <c r="B6" s="111"/>
      <c r="C6" s="120"/>
      <c r="D6" s="122"/>
      <c r="E6" s="122"/>
      <c r="F6" s="122"/>
      <c r="G6" s="122"/>
      <c r="H6" s="122"/>
      <c r="I6" s="122"/>
      <c r="J6" s="122"/>
      <c r="K6" s="122"/>
      <c r="L6" s="122"/>
      <c r="M6" s="122"/>
      <c r="N6" s="122"/>
      <c r="O6" s="122"/>
      <c r="P6" s="122"/>
      <c r="Q6" s="122"/>
      <c r="R6" s="122"/>
      <c r="S6" s="122"/>
      <c r="T6" s="122"/>
      <c r="U6" s="122"/>
      <c r="V6" s="122"/>
      <c r="W6" s="122"/>
      <c r="X6" s="122"/>
      <c r="Y6" s="122"/>
      <c r="Z6" s="122"/>
      <c r="AA6" s="122"/>
      <c r="AB6" s="114"/>
      <c r="AC6" s="117"/>
      <c r="AE6" s="76"/>
      <c r="AF6" s="57"/>
    </row>
    <row r="7" spans="1:32" ht="14.25" customHeight="1" x14ac:dyDescent="0.25">
      <c r="A7" s="110"/>
      <c r="B7" s="111"/>
      <c r="C7" s="120"/>
      <c r="D7" s="122"/>
      <c r="E7" s="122"/>
      <c r="F7" s="122"/>
      <c r="G7" s="122"/>
      <c r="H7" s="122"/>
      <c r="I7" s="122"/>
      <c r="J7" s="122"/>
      <c r="K7" s="122"/>
      <c r="L7" s="122"/>
      <c r="M7" s="122"/>
      <c r="N7" s="122"/>
      <c r="O7" s="122"/>
      <c r="P7" s="122"/>
      <c r="Q7" s="122"/>
      <c r="R7" s="122"/>
      <c r="S7" s="122"/>
      <c r="T7" s="122"/>
      <c r="U7" s="122"/>
      <c r="V7" s="122"/>
      <c r="W7" s="122"/>
      <c r="X7" s="122"/>
      <c r="Y7" s="122"/>
      <c r="Z7" s="122"/>
      <c r="AA7" s="122"/>
      <c r="AB7" s="114"/>
      <c r="AC7" s="117"/>
    </row>
    <row r="8" spans="1:32" ht="14.25" customHeight="1" x14ac:dyDescent="0.25">
      <c r="A8" s="110"/>
      <c r="B8" s="111"/>
      <c r="C8" s="121"/>
      <c r="D8" s="123"/>
      <c r="E8" s="123"/>
      <c r="F8" s="123"/>
      <c r="G8" s="123"/>
      <c r="H8" s="123"/>
      <c r="I8" s="123"/>
      <c r="J8" s="123"/>
      <c r="K8" s="123"/>
      <c r="L8" s="123"/>
      <c r="M8" s="123"/>
      <c r="N8" s="123"/>
      <c r="O8" s="123"/>
      <c r="P8" s="123"/>
      <c r="Q8" s="123"/>
      <c r="R8" s="123"/>
      <c r="S8" s="123"/>
      <c r="T8" s="123"/>
      <c r="U8" s="123"/>
      <c r="V8" s="123"/>
      <c r="W8" s="123"/>
      <c r="X8" s="123"/>
      <c r="Y8" s="123"/>
      <c r="Z8" s="123"/>
      <c r="AA8" s="123"/>
      <c r="AB8" s="115"/>
      <c r="AC8" s="118"/>
    </row>
    <row r="9" spans="1:32" s="60" customFormat="1" x14ac:dyDescent="0.25">
      <c r="A9" s="127" t="s">
        <v>540</v>
      </c>
      <c r="B9" s="128"/>
      <c r="C9" s="58">
        <v>780</v>
      </c>
      <c r="D9" s="59">
        <v>88</v>
      </c>
      <c r="E9" s="59">
        <v>12</v>
      </c>
      <c r="F9" s="59">
        <v>16</v>
      </c>
      <c r="G9" s="59">
        <v>16</v>
      </c>
      <c r="H9" s="59">
        <v>14</v>
      </c>
      <c r="I9" s="59">
        <v>18</v>
      </c>
      <c r="J9" s="59">
        <v>45</v>
      </c>
      <c r="K9" s="59">
        <v>56</v>
      </c>
      <c r="L9" s="59">
        <v>4</v>
      </c>
      <c r="M9" s="59">
        <v>54</v>
      </c>
      <c r="N9" s="59">
        <v>2</v>
      </c>
      <c r="O9" s="59">
        <v>2</v>
      </c>
      <c r="P9" s="59">
        <v>41</v>
      </c>
      <c r="Q9" s="59">
        <v>18</v>
      </c>
      <c r="R9" s="59">
        <v>7</v>
      </c>
      <c r="S9" s="59">
        <v>106</v>
      </c>
      <c r="T9" s="59">
        <v>43</v>
      </c>
      <c r="U9" s="59">
        <v>116</v>
      </c>
      <c r="V9" s="59">
        <v>9</v>
      </c>
      <c r="W9" s="59">
        <v>35</v>
      </c>
      <c r="X9" s="59">
        <v>30</v>
      </c>
      <c r="Y9" s="59">
        <v>5</v>
      </c>
      <c r="Z9" s="59">
        <v>25</v>
      </c>
      <c r="AA9" s="59">
        <v>18</v>
      </c>
      <c r="AB9" s="59">
        <v>41824</v>
      </c>
      <c r="AC9" s="59">
        <v>135090124</v>
      </c>
    </row>
    <row r="10" spans="1:32" s="60" customFormat="1" x14ac:dyDescent="0.25">
      <c r="A10" s="61"/>
      <c r="B10" s="62"/>
      <c r="C10" s="63"/>
      <c r="D10" s="64"/>
      <c r="E10" s="64"/>
      <c r="F10" s="64"/>
      <c r="G10" s="64"/>
      <c r="H10" s="64"/>
      <c r="I10" s="64"/>
      <c r="J10" s="64"/>
      <c r="K10" s="64"/>
      <c r="L10" s="64"/>
      <c r="M10" s="64"/>
      <c r="N10" s="64"/>
      <c r="O10" s="64"/>
      <c r="P10" s="64"/>
      <c r="Q10" s="64"/>
      <c r="R10" s="64"/>
      <c r="S10" s="64"/>
      <c r="T10" s="64"/>
      <c r="U10" s="64"/>
      <c r="V10" s="64"/>
      <c r="W10" s="64"/>
      <c r="X10" s="64"/>
      <c r="Y10" s="64"/>
      <c r="Z10" s="64"/>
      <c r="AA10" s="64"/>
      <c r="AB10" s="64"/>
      <c r="AC10" s="64"/>
    </row>
    <row r="11" spans="1:32" s="60" customFormat="1" x14ac:dyDescent="0.25">
      <c r="A11" s="125" t="s">
        <v>541</v>
      </c>
      <c r="B11" s="126"/>
      <c r="C11" s="63">
        <v>517</v>
      </c>
      <c r="D11" s="64">
        <v>72</v>
      </c>
      <c r="E11" s="64">
        <v>8</v>
      </c>
      <c r="F11" s="64">
        <v>14</v>
      </c>
      <c r="G11" s="64">
        <v>12</v>
      </c>
      <c r="H11" s="64">
        <v>11</v>
      </c>
      <c r="I11" s="64">
        <v>13</v>
      </c>
      <c r="J11" s="64">
        <v>38</v>
      </c>
      <c r="K11" s="64">
        <v>37</v>
      </c>
      <c r="L11" s="64">
        <v>2</v>
      </c>
      <c r="M11" s="64">
        <v>34</v>
      </c>
      <c r="N11" s="64">
        <v>2</v>
      </c>
      <c r="O11" s="64">
        <v>2</v>
      </c>
      <c r="P11" s="64">
        <v>24</v>
      </c>
      <c r="Q11" s="64">
        <v>17</v>
      </c>
      <c r="R11" s="64">
        <v>5</v>
      </c>
      <c r="S11" s="64">
        <v>62</v>
      </c>
      <c r="T11" s="64">
        <v>27</v>
      </c>
      <c r="U11" s="64">
        <v>64</v>
      </c>
      <c r="V11" s="64">
        <v>8</v>
      </c>
      <c r="W11" s="64">
        <v>12</v>
      </c>
      <c r="X11" s="64">
        <v>20</v>
      </c>
      <c r="Y11" s="64">
        <v>4</v>
      </c>
      <c r="Z11" s="64">
        <v>12</v>
      </c>
      <c r="AA11" s="64">
        <v>17</v>
      </c>
      <c r="AB11" s="64">
        <v>26764</v>
      </c>
      <c r="AC11" s="64">
        <v>82017012</v>
      </c>
    </row>
    <row r="12" spans="1:32" x14ac:dyDescent="0.25">
      <c r="A12" s="77"/>
      <c r="B12" s="78" t="s">
        <v>542</v>
      </c>
      <c r="C12" s="79" t="s">
        <v>543</v>
      </c>
      <c r="D12" s="79" t="s">
        <v>543</v>
      </c>
      <c r="E12" s="79" t="s">
        <v>543</v>
      </c>
      <c r="F12" s="79" t="s">
        <v>543</v>
      </c>
      <c r="G12" s="79" t="s">
        <v>543</v>
      </c>
      <c r="H12" s="79" t="s">
        <v>543</v>
      </c>
      <c r="I12" s="79" t="s">
        <v>543</v>
      </c>
      <c r="J12" s="79" t="s">
        <v>543</v>
      </c>
      <c r="K12" s="79" t="s">
        <v>543</v>
      </c>
      <c r="L12" s="79" t="s">
        <v>543</v>
      </c>
      <c r="M12" s="79" t="s">
        <v>543</v>
      </c>
      <c r="N12" s="79" t="s">
        <v>543</v>
      </c>
      <c r="O12" s="79" t="s">
        <v>543</v>
      </c>
      <c r="P12" s="79" t="s">
        <v>543</v>
      </c>
      <c r="Q12" s="79" t="s">
        <v>543</v>
      </c>
      <c r="R12" s="79" t="s">
        <v>543</v>
      </c>
      <c r="S12" s="79" t="s">
        <v>543</v>
      </c>
      <c r="T12" s="79" t="s">
        <v>543</v>
      </c>
      <c r="U12" s="79" t="s">
        <v>543</v>
      </c>
      <c r="V12" s="79" t="s">
        <v>543</v>
      </c>
      <c r="W12" s="79" t="s">
        <v>543</v>
      </c>
      <c r="X12" s="79" t="s">
        <v>543</v>
      </c>
      <c r="Y12" s="79" t="s">
        <v>543</v>
      </c>
      <c r="Z12" s="79" t="s">
        <v>543</v>
      </c>
      <c r="AA12" s="79" t="s">
        <v>543</v>
      </c>
      <c r="AB12" s="79" t="s">
        <v>543</v>
      </c>
      <c r="AC12" s="79" t="s">
        <v>543</v>
      </c>
    </row>
    <row r="13" spans="1:32" x14ac:dyDescent="0.25">
      <c r="A13" s="77"/>
      <c r="B13" s="78" t="s">
        <v>544</v>
      </c>
      <c r="C13" s="80">
        <v>5</v>
      </c>
      <c r="D13" s="79">
        <v>1</v>
      </c>
      <c r="E13" s="79" t="s">
        <v>543</v>
      </c>
      <c r="F13" s="79" t="s">
        <v>543</v>
      </c>
      <c r="G13" s="79" t="s">
        <v>543</v>
      </c>
      <c r="H13" s="79" t="s">
        <v>543</v>
      </c>
      <c r="I13" s="79" t="s">
        <v>543</v>
      </c>
      <c r="J13" s="79">
        <v>1</v>
      </c>
      <c r="K13" s="79">
        <v>1</v>
      </c>
      <c r="L13" s="79" t="s">
        <v>543</v>
      </c>
      <c r="M13" s="79">
        <v>2</v>
      </c>
      <c r="N13" s="79" t="s">
        <v>543</v>
      </c>
      <c r="O13" s="79" t="s">
        <v>543</v>
      </c>
      <c r="P13" s="79" t="s">
        <v>543</v>
      </c>
      <c r="Q13" s="79" t="s">
        <v>543</v>
      </c>
      <c r="R13" s="79" t="s">
        <v>543</v>
      </c>
      <c r="S13" s="79" t="s">
        <v>543</v>
      </c>
      <c r="T13" s="79" t="s">
        <v>543</v>
      </c>
      <c r="U13" s="79" t="s">
        <v>543</v>
      </c>
      <c r="V13" s="79" t="s">
        <v>543</v>
      </c>
      <c r="W13" s="79" t="s">
        <v>543</v>
      </c>
      <c r="X13" s="79" t="s">
        <v>543</v>
      </c>
      <c r="Y13" s="79" t="s">
        <v>543</v>
      </c>
      <c r="Z13" s="79" t="s">
        <v>543</v>
      </c>
      <c r="AA13" s="79" t="s">
        <v>543</v>
      </c>
      <c r="AB13" s="79">
        <v>403</v>
      </c>
      <c r="AC13" s="79">
        <v>1640300</v>
      </c>
      <c r="AD13" s="65"/>
    </row>
    <row r="14" spans="1:32" x14ac:dyDescent="0.25">
      <c r="A14" s="77"/>
      <c r="B14" s="78" t="s">
        <v>545</v>
      </c>
      <c r="C14" s="79">
        <v>3</v>
      </c>
      <c r="D14" s="79">
        <v>2</v>
      </c>
      <c r="E14" s="79" t="s">
        <v>543</v>
      </c>
      <c r="F14" s="79" t="s">
        <v>543</v>
      </c>
      <c r="G14" s="79" t="s">
        <v>543</v>
      </c>
      <c r="H14" s="79" t="s">
        <v>543</v>
      </c>
      <c r="I14" s="79" t="s">
        <v>543</v>
      </c>
      <c r="J14" s="79" t="s">
        <v>543</v>
      </c>
      <c r="K14" s="79" t="s">
        <v>543</v>
      </c>
      <c r="L14" s="79" t="s">
        <v>543</v>
      </c>
      <c r="M14" s="79" t="s">
        <v>543</v>
      </c>
      <c r="N14" s="79" t="s">
        <v>543</v>
      </c>
      <c r="O14" s="79" t="s">
        <v>543</v>
      </c>
      <c r="P14" s="79" t="s">
        <v>543</v>
      </c>
      <c r="Q14" s="79" t="s">
        <v>543</v>
      </c>
      <c r="R14" s="79" t="s">
        <v>543</v>
      </c>
      <c r="S14" s="79" t="s">
        <v>543</v>
      </c>
      <c r="T14" s="79" t="s">
        <v>543</v>
      </c>
      <c r="U14" s="79" t="s">
        <v>543</v>
      </c>
      <c r="V14" s="79" t="s">
        <v>543</v>
      </c>
      <c r="W14" s="79" t="s">
        <v>543</v>
      </c>
      <c r="X14" s="79" t="s">
        <v>543</v>
      </c>
      <c r="Y14" s="79" t="s">
        <v>543</v>
      </c>
      <c r="Z14" s="79" t="s">
        <v>543</v>
      </c>
      <c r="AA14" s="79">
        <v>1</v>
      </c>
      <c r="AB14" s="79">
        <v>21</v>
      </c>
      <c r="AC14" s="79">
        <v>10441</v>
      </c>
      <c r="AD14" s="65"/>
    </row>
    <row r="15" spans="1:32" x14ac:dyDescent="0.25">
      <c r="A15" s="77"/>
      <c r="B15" s="78" t="s">
        <v>546</v>
      </c>
      <c r="C15" s="80">
        <v>1</v>
      </c>
      <c r="D15" s="79">
        <v>1</v>
      </c>
      <c r="E15" s="79" t="s">
        <v>543</v>
      </c>
      <c r="F15" s="79" t="s">
        <v>543</v>
      </c>
      <c r="G15" s="79" t="s">
        <v>543</v>
      </c>
      <c r="H15" s="79" t="s">
        <v>543</v>
      </c>
      <c r="I15" s="79" t="s">
        <v>543</v>
      </c>
      <c r="J15" s="79" t="s">
        <v>543</v>
      </c>
      <c r="K15" s="79" t="s">
        <v>543</v>
      </c>
      <c r="L15" s="79" t="s">
        <v>543</v>
      </c>
      <c r="M15" s="79" t="s">
        <v>543</v>
      </c>
      <c r="N15" s="79" t="s">
        <v>543</v>
      </c>
      <c r="O15" s="79" t="s">
        <v>543</v>
      </c>
      <c r="P15" s="79" t="s">
        <v>543</v>
      </c>
      <c r="Q15" s="79" t="s">
        <v>543</v>
      </c>
      <c r="R15" s="79" t="s">
        <v>543</v>
      </c>
      <c r="S15" s="79" t="s">
        <v>543</v>
      </c>
      <c r="T15" s="79" t="s">
        <v>543</v>
      </c>
      <c r="U15" s="79" t="s">
        <v>543</v>
      </c>
      <c r="V15" s="79" t="s">
        <v>543</v>
      </c>
      <c r="W15" s="79" t="s">
        <v>543</v>
      </c>
      <c r="X15" s="79" t="s">
        <v>543</v>
      </c>
      <c r="Y15" s="79" t="s">
        <v>543</v>
      </c>
      <c r="Z15" s="79" t="s">
        <v>543</v>
      </c>
      <c r="AA15" s="79" t="s">
        <v>543</v>
      </c>
      <c r="AB15" s="79">
        <v>12</v>
      </c>
      <c r="AC15" s="79" t="s">
        <v>287</v>
      </c>
      <c r="AD15" s="65"/>
    </row>
    <row r="16" spans="1:32" x14ac:dyDescent="0.25">
      <c r="A16" s="77"/>
      <c r="B16" s="78" t="s">
        <v>547</v>
      </c>
      <c r="C16" s="80">
        <v>8</v>
      </c>
      <c r="D16" s="79">
        <v>2</v>
      </c>
      <c r="E16" s="79" t="s">
        <v>543</v>
      </c>
      <c r="F16" s="79">
        <v>2</v>
      </c>
      <c r="G16" s="79" t="s">
        <v>543</v>
      </c>
      <c r="H16" s="79" t="s">
        <v>543</v>
      </c>
      <c r="I16" s="79" t="s">
        <v>543</v>
      </c>
      <c r="J16" s="79">
        <v>1</v>
      </c>
      <c r="K16" s="79">
        <v>3</v>
      </c>
      <c r="L16" s="79" t="s">
        <v>543</v>
      </c>
      <c r="M16" s="79" t="s">
        <v>543</v>
      </c>
      <c r="N16" s="79" t="s">
        <v>543</v>
      </c>
      <c r="O16" s="79" t="s">
        <v>543</v>
      </c>
      <c r="P16" s="79" t="s">
        <v>543</v>
      </c>
      <c r="Q16" s="79" t="s">
        <v>543</v>
      </c>
      <c r="R16" s="79" t="s">
        <v>543</v>
      </c>
      <c r="S16" s="79" t="s">
        <v>543</v>
      </c>
      <c r="T16" s="79" t="s">
        <v>543</v>
      </c>
      <c r="U16" s="79" t="s">
        <v>543</v>
      </c>
      <c r="V16" s="79" t="s">
        <v>543</v>
      </c>
      <c r="W16" s="79" t="s">
        <v>543</v>
      </c>
      <c r="X16" s="79" t="s">
        <v>543</v>
      </c>
      <c r="Y16" s="79" t="s">
        <v>543</v>
      </c>
      <c r="Z16" s="79" t="s">
        <v>543</v>
      </c>
      <c r="AA16" s="79" t="s">
        <v>543</v>
      </c>
      <c r="AB16" s="79">
        <v>414</v>
      </c>
      <c r="AC16" s="79">
        <v>852702</v>
      </c>
      <c r="AD16" s="65"/>
    </row>
    <row r="17" spans="1:30" x14ac:dyDescent="0.25">
      <c r="A17" s="77"/>
      <c r="B17" s="78"/>
      <c r="C17" s="80"/>
      <c r="D17" s="79"/>
      <c r="E17" s="79"/>
      <c r="F17" s="79"/>
      <c r="G17" s="79"/>
      <c r="H17" s="79"/>
      <c r="I17" s="79"/>
      <c r="J17" s="79"/>
      <c r="K17" s="79"/>
      <c r="L17" s="79"/>
      <c r="M17" s="79"/>
      <c r="N17" s="79"/>
      <c r="O17" s="79"/>
      <c r="P17" s="79"/>
      <c r="Q17" s="79"/>
      <c r="R17" s="79"/>
      <c r="S17" s="79"/>
      <c r="T17" s="79"/>
      <c r="U17" s="79"/>
      <c r="V17" s="79"/>
      <c r="W17" s="79"/>
      <c r="X17" s="79"/>
      <c r="Y17" s="79"/>
      <c r="Z17" s="79"/>
      <c r="AA17" s="79"/>
      <c r="AB17" s="79"/>
      <c r="AC17" s="79"/>
      <c r="AD17" s="65"/>
    </row>
    <row r="18" spans="1:30" x14ac:dyDescent="0.25">
      <c r="A18" s="77"/>
      <c r="B18" s="78" t="s">
        <v>548</v>
      </c>
      <c r="C18" s="80">
        <v>5</v>
      </c>
      <c r="D18" s="79">
        <v>1</v>
      </c>
      <c r="E18" s="79" t="s">
        <v>543</v>
      </c>
      <c r="F18" s="79" t="s">
        <v>543</v>
      </c>
      <c r="G18" s="79" t="s">
        <v>543</v>
      </c>
      <c r="H18" s="79" t="s">
        <v>543</v>
      </c>
      <c r="I18" s="79" t="s">
        <v>543</v>
      </c>
      <c r="J18" s="79">
        <v>2</v>
      </c>
      <c r="K18" s="79" t="s">
        <v>543</v>
      </c>
      <c r="L18" s="79" t="s">
        <v>543</v>
      </c>
      <c r="M18" s="79" t="s">
        <v>543</v>
      </c>
      <c r="N18" s="79" t="s">
        <v>543</v>
      </c>
      <c r="O18" s="79" t="s">
        <v>543</v>
      </c>
      <c r="P18" s="79" t="s">
        <v>543</v>
      </c>
      <c r="Q18" s="79" t="s">
        <v>543</v>
      </c>
      <c r="R18" s="79" t="s">
        <v>543</v>
      </c>
      <c r="S18" s="79" t="s">
        <v>543</v>
      </c>
      <c r="T18" s="79" t="s">
        <v>543</v>
      </c>
      <c r="U18" s="79">
        <v>1</v>
      </c>
      <c r="V18" s="79">
        <v>1</v>
      </c>
      <c r="W18" s="79" t="s">
        <v>543</v>
      </c>
      <c r="X18" s="79" t="s">
        <v>543</v>
      </c>
      <c r="Y18" s="79" t="s">
        <v>543</v>
      </c>
      <c r="Z18" s="79" t="s">
        <v>543</v>
      </c>
      <c r="AA18" s="79" t="s">
        <v>543</v>
      </c>
      <c r="AB18" s="79">
        <v>117</v>
      </c>
      <c r="AC18" s="79">
        <v>137114</v>
      </c>
      <c r="AD18" s="65"/>
    </row>
    <row r="19" spans="1:30" x14ac:dyDescent="0.25">
      <c r="A19" s="77"/>
      <c r="B19" s="78" t="s">
        <v>549</v>
      </c>
      <c r="C19" s="80">
        <v>6</v>
      </c>
      <c r="D19" s="79">
        <v>3</v>
      </c>
      <c r="E19" s="79" t="s">
        <v>543</v>
      </c>
      <c r="F19" s="79">
        <v>1</v>
      </c>
      <c r="G19" s="79">
        <v>1</v>
      </c>
      <c r="H19" s="79" t="s">
        <v>543</v>
      </c>
      <c r="I19" s="79" t="s">
        <v>543</v>
      </c>
      <c r="J19" s="79" t="s">
        <v>543</v>
      </c>
      <c r="K19" s="79" t="s">
        <v>543</v>
      </c>
      <c r="L19" s="79" t="s">
        <v>543</v>
      </c>
      <c r="M19" s="79" t="s">
        <v>543</v>
      </c>
      <c r="N19" s="79" t="s">
        <v>543</v>
      </c>
      <c r="O19" s="79" t="s">
        <v>543</v>
      </c>
      <c r="P19" s="79" t="s">
        <v>543</v>
      </c>
      <c r="Q19" s="79" t="s">
        <v>543</v>
      </c>
      <c r="R19" s="79" t="s">
        <v>543</v>
      </c>
      <c r="S19" s="79" t="s">
        <v>543</v>
      </c>
      <c r="T19" s="79" t="s">
        <v>543</v>
      </c>
      <c r="U19" s="79">
        <v>1</v>
      </c>
      <c r="V19" s="79" t="s">
        <v>543</v>
      </c>
      <c r="W19" s="79" t="s">
        <v>543</v>
      </c>
      <c r="X19" s="79" t="s">
        <v>543</v>
      </c>
      <c r="Y19" s="79" t="s">
        <v>543</v>
      </c>
      <c r="Z19" s="79" t="s">
        <v>543</v>
      </c>
      <c r="AA19" s="79" t="s">
        <v>543</v>
      </c>
      <c r="AB19" s="79">
        <v>68</v>
      </c>
      <c r="AC19" s="79">
        <v>50899</v>
      </c>
      <c r="AD19" s="65"/>
    </row>
    <row r="20" spans="1:30" x14ac:dyDescent="0.25">
      <c r="A20" s="77"/>
      <c r="B20" s="78" t="s">
        <v>550</v>
      </c>
      <c r="C20" s="80">
        <v>2</v>
      </c>
      <c r="D20" s="79">
        <v>1</v>
      </c>
      <c r="E20" s="79" t="s">
        <v>543</v>
      </c>
      <c r="F20" s="79" t="s">
        <v>543</v>
      </c>
      <c r="G20" s="79" t="s">
        <v>543</v>
      </c>
      <c r="H20" s="79" t="s">
        <v>543</v>
      </c>
      <c r="I20" s="79" t="s">
        <v>543</v>
      </c>
      <c r="J20" s="79">
        <v>1</v>
      </c>
      <c r="K20" s="79" t="s">
        <v>543</v>
      </c>
      <c r="L20" s="79" t="s">
        <v>543</v>
      </c>
      <c r="M20" s="79" t="s">
        <v>543</v>
      </c>
      <c r="N20" s="79" t="s">
        <v>543</v>
      </c>
      <c r="O20" s="79" t="s">
        <v>543</v>
      </c>
      <c r="P20" s="79" t="s">
        <v>543</v>
      </c>
      <c r="Q20" s="79" t="s">
        <v>543</v>
      </c>
      <c r="R20" s="79" t="s">
        <v>543</v>
      </c>
      <c r="S20" s="79" t="s">
        <v>543</v>
      </c>
      <c r="T20" s="79" t="s">
        <v>543</v>
      </c>
      <c r="U20" s="79" t="s">
        <v>543</v>
      </c>
      <c r="V20" s="79" t="s">
        <v>543</v>
      </c>
      <c r="W20" s="79" t="s">
        <v>543</v>
      </c>
      <c r="X20" s="79" t="s">
        <v>543</v>
      </c>
      <c r="Y20" s="79" t="s">
        <v>543</v>
      </c>
      <c r="Z20" s="79" t="s">
        <v>543</v>
      </c>
      <c r="AA20" s="79" t="s">
        <v>543</v>
      </c>
      <c r="AB20" s="79">
        <v>119</v>
      </c>
      <c r="AC20" s="79" t="s">
        <v>287</v>
      </c>
      <c r="AD20" s="65"/>
    </row>
    <row r="21" spans="1:30" x14ac:dyDescent="0.25">
      <c r="A21" s="77"/>
      <c r="B21" s="78" t="s">
        <v>551</v>
      </c>
      <c r="C21" s="80">
        <v>3</v>
      </c>
      <c r="D21" s="79" t="s">
        <v>543</v>
      </c>
      <c r="E21" s="79" t="s">
        <v>543</v>
      </c>
      <c r="F21" s="79" t="s">
        <v>543</v>
      </c>
      <c r="G21" s="79" t="s">
        <v>543</v>
      </c>
      <c r="H21" s="79" t="s">
        <v>543</v>
      </c>
      <c r="I21" s="79">
        <v>1</v>
      </c>
      <c r="J21" s="79">
        <v>1</v>
      </c>
      <c r="K21" s="79">
        <v>1</v>
      </c>
      <c r="L21" s="79" t="s">
        <v>543</v>
      </c>
      <c r="M21" s="79" t="s">
        <v>543</v>
      </c>
      <c r="N21" s="79" t="s">
        <v>543</v>
      </c>
      <c r="O21" s="79" t="s">
        <v>543</v>
      </c>
      <c r="P21" s="79" t="s">
        <v>543</v>
      </c>
      <c r="Q21" s="79" t="s">
        <v>543</v>
      </c>
      <c r="R21" s="79" t="s">
        <v>543</v>
      </c>
      <c r="S21" s="79" t="s">
        <v>543</v>
      </c>
      <c r="T21" s="79" t="s">
        <v>543</v>
      </c>
      <c r="U21" s="79" t="s">
        <v>543</v>
      </c>
      <c r="V21" s="79" t="s">
        <v>543</v>
      </c>
      <c r="W21" s="79" t="s">
        <v>543</v>
      </c>
      <c r="X21" s="79" t="s">
        <v>543</v>
      </c>
      <c r="Y21" s="79" t="s">
        <v>543</v>
      </c>
      <c r="Z21" s="79" t="s">
        <v>543</v>
      </c>
      <c r="AA21" s="79" t="s">
        <v>543</v>
      </c>
      <c r="AB21" s="79">
        <v>69</v>
      </c>
      <c r="AC21" s="79">
        <v>66013</v>
      </c>
      <c r="AD21" s="65"/>
    </row>
    <row r="22" spans="1:30" x14ac:dyDescent="0.25">
      <c r="A22" s="77"/>
      <c r="B22" s="78" t="s">
        <v>552</v>
      </c>
      <c r="C22" s="80">
        <v>3</v>
      </c>
      <c r="D22" s="79" t="s">
        <v>543</v>
      </c>
      <c r="E22" s="79" t="s">
        <v>543</v>
      </c>
      <c r="F22" s="79" t="s">
        <v>543</v>
      </c>
      <c r="G22" s="79" t="s">
        <v>543</v>
      </c>
      <c r="H22" s="79" t="s">
        <v>543</v>
      </c>
      <c r="I22" s="79" t="s">
        <v>543</v>
      </c>
      <c r="J22" s="79" t="s">
        <v>543</v>
      </c>
      <c r="K22" s="79" t="s">
        <v>543</v>
      </c>
      <c r="L22" s="79" t="s">
        <v>543</v>
      </c>
      <c r="M22" s="79">
        <v>1</v>
      </c>
      <c r="N22" s="79" t="s">
        <v>543</v>
      </c>
      <c r="O22" s="79" t="s">
        <v>543</v>
      </c>
      <c r="P22" s="79" t="s">
        <v>543</v>
      </c>
      <c r="Q22" s="79" t="s">
        <v>543</v>
      </c>
      <c r="R22" s="79" t="s">
        <v>543</v>
      </c>
      <c r="S22" s="79">
        <v>1</v>
      </c>
      <c r="T22" s="79" t="s">
        <v>543</v>
      </c>
      <c r="U22" s="79" t="s">
        <v>543</v>
      </c>
      <c r="V22" s="79" t="s">
        <v>543</v>
      </c>
      <c r="W22" s="79">
        <v>1</v>
      </c>
      <c r="X22" s="79" t="s">
        <v>543</v>
      </c>
      <c r="Y22" s="79" t="s">
        <v>543</v>
      </c>
      <c r="Z22" s="79" t="s">
        <v>543</v>
      </c>
      <c r="AA22" s="79" t="s">
        <v>543</v>
      </c>
      <c r="AB22" s="79">
        <v>179</v>
      </c>
      <c r="AC22" s="79">
        <v>297511</v>
      </c>
      <c r="AD22" s="65"/>
    </row>
    <row r="23" spans="1:30" x14ac:dyDescent="0.25">
      <c r="A23" s="77"/>
      <c r="B23" s="78"/>
      <c r="C23" s="80"/>
      <c r="D23" s="79"/>
      <c r="E23" s="79"/>
      <c r="F23" s="79"/>
      <c r="G23" s="79"/>
      <c r="H23" s="79"/>
      <c r="I23" s="79"/>
      <c r="J23" s="79"/>
      <c r="K23" s="79"/>
      <c r="L23" s="79"/>
      <c r="M23" s="79"/>
      <c r="N23" s="79"/>
      <c r="O23" s="79"/>
      <c r="P23" s="79"/>
      <c r="Q23" s="79"/>
      <c r="R23" s="79"/>
      <c r="S23" s="79"/>
      <c r="T23" s="79"/>
      <c r="U23" s="79"/>
      <c r="V23" s="79"/>
      <c r="W23" s="79"/>
      <c r="X23" s="79"/>
      <c r="Y23" s="79"/>
      <c r="Z23" s="79"/>
      <c r="AA23" s="79"/>
      <c r="AB23" s="79"/>
      <c r="AC23" s="79"/>
      <c r="AD23" s="65"/>
    </row>
    <row r="24" spans="1:30" x14ac:dyDescent="0.25">
      <c r="A24" s="77"/>
      <c r="B24" s="78" t="s">
        <v>553</v>
      </c>
      <c r="C24" s="80">
        <v>1</v>
      </c>
      <c r="D24" s="79" t="s">
        <v>543</v>
      </c>
      <c r="E24" s="79" t="s">
        <v>543</v>
      </c>
      <c r="F24" s="79" t="s">
        <v>543</v>
      </c>
      <c r="G24" s="79" t="s">
        <v>543</v>
      </c>
      <c r="H24" s="79" t="s">
        <v>543</v>
      </c>
      <c r="I24" s="79" t="s">
        <v>543</v>
      </c>
      <c r="J24" s="79" t="s">
        <v>543</v>
      </c>
      <c r="K24" s="79" t="s">
        <v>543</v>
      </c>
      <c r="L24" s="79" t="s">
        <v>543</v>
      </c>
      <c r="M24" s="79" t="s">
        <v>543</v>
      </c>
      <c r="N24" s="79" t="s">
        <v>543</v>
      </c>
      <c r="O24" s="79" t="s">
        <v>543</v>
      </c>
      <c r="P24" s="79" t="s">
        <v>543</v>
      </c>
      <c r="Q24" s="79" t="s">
        <v>543</v>
      </c>
      <c r="R24" s="79" t="s">
        <v>543</v>
      </c>
      <c r="S24" s="79" t="s">
        <v>543</v>
      </c>
      <c r="T24" s="79" t="s">
        <v>543</v>
      </c>
      <c r="U24" s="79" t="s">
        <v>543</v>
      </c>
      <c r="V24" s="79" t="s">
        <v>543</v>
      </c>
      <c r="W24" s="79" t="s">
        <v>543</v>
      </c>
      <c r="X24" s="79" t="s">
        <v>543</v>
      </c>
      <c r="Y24" s="79" t="s">
        <v>543</v>
      </c>
      <c r="Z24" s="79" t="s">
        <v>543</v>
      </c>
      <c r="AA24" s="79">
        <v>1</v>
      </c>
      <c r="AB24" s="79">
        <v>8</v>
      </c>
      <c r="AC24" s="79" t="s">
        <v>287</v>
      </c>
      <c r="AD24" s="65"/>
    </row>
    <row r="25" spans="1:30" x14ac:dyDescent="0.25">
      <c r="A25" s="77"/>
      <c r="B25" s="78" t="s">
        <v>554</v>
      </c>
      <c r="C25" s="80">
        <v>8</v>
      </c>
      <c r="D25" s="79">
        <v>3</v>
      </c>
      <c r="E25" s="79" t="s">
        <v>543</v>
      </c>
      <c r="F25" s="79" t="s">
        <v>543</v>
      </c>
      <c r="G25" s="79" t="s">
        <v>543</v>
      </c>
      <c r="H25" s="79" t="s">
        <v>543</v>
      </c>
      <c r="I25" s="79" t="s">
        <v>543</v>
      </c>
      <c r="J25" s="79" t="s">
        <v>543</v>
      </c>
      <c r="K25" s="79" t="s">
        <v>543</v>
      </c>
      <c r="L25" s="79" t="s">
        <v>543</v>
      </c>
      <c r="M25" s="79" t="s">
        <v>543</v>
      </c>
      <c r="N25" s="79" t="s">
        <v>543</v>
      </c>
      <c r="O25" s="79" t="s">
        <v>543</v>
      </c>
      <c r="P25" s="79" t="s">
        <v>543</v>
      </c>
      <c r="Q25" s="79" t="s">
        <v>543</v>
      </c>
      <c r="R25" s="79" t="s">
        <v>543</v>
      </c>
      <c r="S25" s="79">
        <v>1</v>
      </c>
      <c r="T25" s="79" t="s">
        <v>543</v>
      </c>
      <c r="U25" s="79">
        <v>3</v>
      </c>
      <c r="V25" s="79">
        <v>1</v>
      </c>
      <c r="W25" s="79" t="s">
        <v>543</v>
      </c>
      <c r="X25" s="79" t="s">
        <v>543</v>
      </c>
      <c r="Y25" s="79" t="s">
        <v>543</v>
      </c>
      <c r="Z25" s="79" t="s">
        <v>543</v>
      </c>
      <c r="AA25" s="79" t="s">
        <v>543</v>
      </c>
      <c r="AB25" s="79">
        <v>2761</v>
      </c>
      <c r="AC25" s="79">
        <v>11585440</v>
      </c>
      <c r="AD25" s="65"/>
    </row>
    <row r="26" spans="1:30" x14ac:dyDescent="0.25">
      <c r="A26" s="77"/>
      <c r="B26" s="78" t="s">
        <v>555</v>
      </c>
      <c r="C26" s="80">
        <v>9</v>
      </c>
      <c r="D26" s="79" t="s">
        <v>543</v>
      </c>
      <c r="E26" s="79" t="s">
        <v>543</v>
      </c>
      <c r="F26" s="79" t="s">
        <v>543</v>
      </c>
      <c r="G26" s="79" t="s">
        <v>543</v>
      </c>
      <c r="H26" s="79" t="s">
        <v>543</v>
      </c>
      <c r="I26" s="79">
        <v>1</v>
      </c>
      <c r="J26" s="79">
        <v>1</v>
      </c>
      <c r="K26" s="79">
        <v>3</v>
      </c>
      <c r="L26" s="79" t="s">
        <v>543</v>
      </c>
      <c r="M26" s="79" t="s">
        <v>543</v>
      </c>
      <c r="N26" s="79" t="s">
        <v>543</v>
      </c>
      <c r="O26" s="79" t="s">
        <v>543</v>
      </c>
      <c r="P26" s="79" t="s">
        <v>543</v>
      </c>
      <c r="Q26" s="79" t="s">
        <v>543</v>
      </c>
      <c r="R26" s="79" t="s">
        <v>543</v>
      </c>
      <c r="S26" s="79">
        <v>1</v>
      </c>
      <c r="T26" s="79" t="s">
        <v>543</v>
      </c>
      <c r="U26" s="79" t="s">
        <v>543</v>
      </c>
      <c r="V26" s="79">
        <v>1</v>
      </c>
      <c r="W26" s="79" t="s">
        <v>543</v>
      </c>
      <c r="X26" s="79">
        <v>1</v>
      </c>
      <c r="Y26" s="79">
        <v>1</v>
      </c>
      <c r="Z26" s="79" t="s">
        <v>543</v>
      </c>
      <c r="AA26" s="79" t="s">
        <v>543</v>
      </c>
      <c r="AB26" s="79">
        <v>680</v>
      </c>
      <c r="AC26" s="79">
        <v>3983072</v>
      </c>
      <c r="AD26" s="65"/>
    </row>
    <row r="27" spans="1:30" x14ac:dyDescent="0.25">
      <c r="A27" s="77"/>
      <c r="B27" s="78" t="s">
        <v>556</v>
      </c>
      <c r="C27" s="80">
        <v>8</v>
      </c>
      <c r="D27" s="79" t="s">
        <v>543</v>
      </c>
      <c r="E27" s="79" t="s">
        <v>543</v>
      </c>
      <c r="F27" s="79" t="s">
        <v>543</v>
      </c>
      <c r="G27" s="79">
        <v>2</v>
      </c>
      <c r="H27" s="79" t="s">
        <v>543</v>
      </c>
      <c r="I27" s="79">
        <v>1</v>
      </c>
      <c r="J27" s="79" t="s">
        <v>543</v>
      </c>
      <c r="K27" s="79">
        <v>1</v>
      </c>
      <c r="L27" s="79" t="s">
        <v>543</v>
      </c>
      <c r="M27" s="79" t="s">
        <v>543</v>
      </c>
      <c r="N27" s="79" t="s">
        <v>543</v>
      </c>
      <c r="O27" s="79" t="s">
        <v>543</v>
      </c>
      <c r="P27" s="79" t="s">
        <v>543</v>
      </c>
      <c r="Q27" s="79">
        <v>2</v>
      </c>
      <c r="R27" s="79" t="s">
        <v>543</v>
      </c>
      <c r="S27" s="79" t="s">
        <v>543</v>
      </c>
      <c r="T27" s="79">
        <v>1</v>
      </c>
      <c r="U27" s="79">
        <v>1</v>
      </c>
      <c r="V27" s="79" t="s">
        <v>543</v>
      </c>
      <c r="W27" s="79" t="s">
        <v>543</v>
      </c>
      <c r="X27" s="79" t="s">
        <v>543</v>
      </c>
      <c r="Y27" s="79" t="s">
        <v>543</v>
      </c>
      <c r="Z27" s="79" t="s">
        <v>543</v>
      </c>
      <c r="AA27" s="79" t="s">
        <v>543</v>
      </c>
      <c r="AB27" s="79">
        <v>858</v>
      </c>
      <c r="AC27" s="79">
        <v>2565547</v>
      </c>
      <c r="AD27" s="65"/>
    </row>
    <row r="28" spans="1:30" x14ac:dyDescent="0.25">
      <c r="A28" s="77"/>
      <c r="B28" s="78" t="s">
        <v>557</v>
      </c>
      <c r="C28" s="80">
        <v>1</v>
      </c>
      <c r="D28" s="79" t="s">
        <v>543</v>
      </c>
      <c r="E28" s="79" t="s">
        <v>543</v>
      </c>
      <c r="F28" s="79" t="s">
        <v>543</v>
      </c>
      <c r="G28" s="79" t="s">
        <v>543</v>
      </c>
      <c r="H28" s="79" t="s">
        <v>543</v>
      </c>
      <c r="I28" s="79" t="s">
        <v>543</v>
      </c>
      <c r="J28" s="79" t="s">
        <v>543</v>
      </c>
      <c r="K28" s="79" t="s">
        <v>543</v>
      </c>
      <c r="L28" s="79" t="s">
        <v>543</v>
      </c>
      <c r="M28" s="79" t="s">
        <v>543</v>
      </c>
      <c r="N28" s="79" t="s">
        <v>543</v>
      </c>
      <c r="O28" s="79" t="s">
        <v>543</v>
      </c>
      <c r="P28" s="79" t="s">
        <v>543</v>
      </c>
      <c r="Q28" s="79" t="s">
        <v>543</v>
      </c>
      <c r="R28" s="79" t="s">
        <v>543</v>
      </c>
      <c r="S28" s="79" t="s">
        <v>543</v>
      </c>
      <c r="T28" s="79">
        <v>1</v>
      </c>
      <c r="U28" s="79" t="s">
        <v>543</v>
      </c>
      <c r="V28" s="79" t="s">
        <v>543</v>
      </c>
      <c r="W28" s="79" t="s">
        <v>543</v>
      </c>
      <c r="X28" s="79" t="s">
        <v>543</v>
      </c>
      <c r="Y28" s="79" t="s">
        <v>543</v>
      </c>
      <c r="Z28" s="79" t="s">
        <v>543</v>
      </c>
      <c r="AA28" s="79" t="s">
        <v>543</v>
      </c>
      <c r="AB28" s="79">
        <v>7</v>
      </c>
      <c r="AC28" s="79" t="s">
        <v>287</v>
      </c>
      <c r="AD28" s="65"/>
    </row>
    <row r="29" spans="1:30" x14ac:dyDescent="0.25">
      <c r="A29" s="77"/>
      <c r="B29" s="78"/>
      <c r="C29" s="80"/>
      <c r="D29" s="79"/>
      <c r="E29" s="79"/>
      <c r="F29" s="79"/>
      <c r="G29" s="79"/>
      <c r="H29" s="79"/>
      <c r="I29" s="79"/>
      <c r="J29" s="79"/>
      <c r="K29" s="79"/>
      <c r="L29" s="79"/>
      <c r="M29" s="79"/>
      <c r="N29" s="79"/>
      <c r="O29" s="79"/>
      <c r="P29" s="79"/>
      <c r="Q29" s="79"/>
      <c r="R29" s="79"/>
      <c r="S29" s="79"/>
      <c r="T29" s="79"/>
      <c r="U29" s="79"/>
      <c r="V29" s="79"/>
      <c r="W29" s="79"/>
      <c r="X29" s="79"/>
      <c r="Y29" s="79"/>
      <c r="Z29" s="79"/>
      <c r="AA29" s="79"/>
      <c r="AB29" s="79"/>
      <c r="AC29" s="79"/>
      <c r="AD29" s="65"/>
    </row>
    <row r="30" spans="1:30" x14ac:dyDescent="0.25">
      <c r="A30" s="77"/>
      <c r="B30" s="78" t="s">
        <v>558</v>
      </c>
      <c r="C30" s="80">
        <v>8</v>
      </c>
      <c r="D30" s="79">
        <v>2</v>
      </c>
      <c r="E30" s="79" t="s">
        <v>543</v>
      </c>
      <c r="F30" s="79" t="s">
        <v>543</v>
      </c>
      <c r="G30" s="79">
        <v>1</v>
      </c>
      <c r="H30" s="79" t="s">
        <v>543</v>
      </c>
      <c r="I30" s="79" t="s">
        <v>543</v>
      </c>
      <c r="J30" s="79">
        <v>2</v>
      </c>
      <c r="K30" s="79" t="s">
        <v>543</v>
      </c>
      <c r="L30" s="79" t="s">
        <v>543</v>
      </c>
      <c r="M30" s="79">
        <v>1</v>
      </c>
      <c r="N30" s="79" t="s">
        <v>543</v>
      </c>
      <c r="O30" s="79" t="s">
        <v>543</v>
      </c>
      <c r="P30" s="79" t="s">
        <v>543</v>
      </c>
      <c r="Q30" s="79" t="s">
        <v>543</v>
      </c>
      <c r="R30" s="79" t="s">
        <v>543</v>
      </c>
      <c r="S30" s="79">
        <v>1</v>
      </c>
      <c r="T30" s="79" t="s">
        <v>543</v>
      </c>
      <c r="U30" s="79">
        <v>1</v>
      </c>
      <c r="V30" s="79" t="s">
        <v>543</v>
      </c>
      <c r="W30" s="79" t="s">
        <v>543</v>
      </c>
      <c r="X30" s="79" t="s">
        <v>543</v>
      </c>
      <c r="Y30" s="79" t="s">
        <v>543</v>
      </c>
      <c r="Z30" s="79" t="s">
        <v>543</v>
      </c>
      <c r="AA30" s="79" t="s">
        <v>543</v>
      </c>
      <c r="AB30" s="79">
        <v>288</v>
      </c>
      <c r="AC30" s="79">
        <v>527858</v>
      </c>
      <c r="AD30" s="65"/>
    </row>
    <row r="31" spans="1:30" x14ac:dyDescent="0.25">
      <c r="A31" s="77"/>
      <c r="B31" s="78" t="s">
        <v>559</v>
      </c>
      <c r="C31" s="80">
        <v>5</v>
      </c>
      <c r="D31" s="79" t="s">
        <v>543</v>
      </c>
      <c r="E31" s="79" t="s">
        <v>543</v>
      </c>
      <c r="F31" s="79" t="s">
        <v>543</v>
      </c>
      <c r="G31" s="79" t="s">
        <v>543</v>
      </c>
      <c r="H31" s="79" t="s">
        <v>543</v>
      </c>
      <c r="I31" s="79">
        <v>1</v>
      </c>
      <c r="J31" s="79">
        <v>1</v>
      </c>
      <c r="K31" s="79">
        <v>1</v>
      </c>
      <c r="L31" s="79" t="s">
        <v>543</v>
      </c>
      <c r="M31" s="79">
        <v>1</v>
      </c>
      <c r="N31" s="79" t="s">
        <v>543</v>
      </c>
      <c r="O31" s="79" t="s">
        <v>543</v>
      </c>
      <c r="P31" s="79" t="s">
        <v>543</v>
      </c>
      <c r="Q31" s="79" t="s">
        <v>543</v>
      </c>
      <c r="R31" s="79" t="s">
        <v>543</v>
      </c>
      <c r="S31" s="79" t="s">
        <v>543</v>
      </c>
      <c r="T31" s="79" t="s">
        <v>543</v>
      </c>
      <c r="U31" s="79" t="s">
        <v>543</v>
      </c>
      <c r="V31" s="79" t="s">
        <v>543</v>
      </c>
      <c r="W31" s="79" t="s">
        <v>543</v>
      </c>
      <c r="X31" s="79" t="s">
        <v>543</v>
      </c>
      <c r="Y31" s="79" t="s">
        <v>543</v>
      </c>
      <c r="Z31" s="79" t="s">
        <v>543</v>
      </c>
      <c r="AA31" s="79">
        <v>1</v>
      </c>
      <c r="AB31" s="79">
        <v>36</v>
      </c>
      <c r="AC31" s="79">
        <v>30116</v>
      </c>
      <c r="AD31" s="65"/>
    </row>
    <row r="32" spans="1:30" x14ac:dyDescent="0.25">
      <c r="A32" s="77"/>
      <c r="B32" s="78" t="s">
        <v>560</v>
      </c>
      <c r="C32" s="80">
        <v>8</v>
      </c>
      <c r="D32" s="79">
        <v>2</v>
      </c>
      <c r="E32" s="79">
        <v>1</v>
      </c>
      <c r="F32" s="79" t="s">
        <v>543</v>
      </c>
      <c r="G32" s="79" t="s">
        <v>543</v>
      </c>
      <c r="H32" s="79" t="s">
        <v>543</v>
      </c>
      <c r="I32" s="79" t="s">
        <v>543</v>
      </c>
      <c r="J32" s="79" t="s">
        <v>543</v>
      </c>
      <c r="K32" s="79">
        <v>2</v>
      </c>
      <c r="L32" s="79" t="s">
        <v>543</v>
      </c>
      <c r="M32" s="79" t="s">
        <v>543</v>
      </c>
      <c r="N32" s="79" t="s">
        <v>543</v>
      </c>
      <c r="O32" s="79" t="s">
        <v>543</v>
      </c>
      <c r="P32" s="79">
        <v>2</v>
      </c>
      <c r="Q32" s="79" t="s">
        <v>543</v>
      </c>
      <c r="R32" s="79">
        <v>1</v>
      </c>
      <c r="S32" s="79" t="s">
        <v>543</v>
      </c>
      <c r="T32" s="79" t="s">
        <v>543</v>
      </c>
      <c r="U32" s="79" t="s">
        <v>543</v>
      </c>
      <c r="V32" s="79" t="s">
        <v>543</v>
      </c>
      <c r="W32" s="79" t="s">
        <v>543</v>
      </c>
      <c r="X32" s="79" t="s">
        <v>543</v>
      </c>
      <c r="Y32" s="79" t="s">
        <v>543</v>
      </c>
      <c r="Z32" s="79" t="s">
        <v>543</v>
      </c>
      <c r="AA32" s="79" t="s">
        <v>543</v>
      </c>
      <c r="AB32" s="79">
        <v>877</v>
      </c>
      <c r="AC32" s="79">
        <v>2805251</v>
      </c>
      <c r="AD32" s="65"/>
    </row>
    <row r="33" spans="1:30" x14ac:dyDescent="0.25">
      <c r="A33" s="77"/>
      <c r="B33" s="78" t="s">
        <v>561</v>
      </c>
      <c r="C33" s="80">
        <v>8</v>
      </c>
      <c r="D33" s="79">
        <v>1</v>
      </c>
      <c r="E33" s="79" t="s">
        <v>543</v>
      </c>
      <c r="F33" s="79" t="s">
        <v>543</v>
      </c>
      <c r="G33" s="79" t="s">
        <v>543</v>
      </c>
      <c r="H33" s="79">
        <v>1</v>
      </c>
      <c r="I33" s="79" t="s">
        <v>543</v>
      </c>
      <c r="J33" s="79" t="s">
        <v>543</v>
      </c>
      <c r="K33" s="79">
        <v>1</v>
      </c>
      <c r="L33" s="79" t="s">
        <v>543</v>
      </c>
      <c r="M33" s="79" t="s">
        <v>543</v>
      </c>
      <c r="N33" s="79" t="s">
        <v>543</v>
      </c>
      <c r="O33" s="79" t="s">
        <v>543</v>
      </c>
      <c r="P33" s="79">
        <v>1</v>
      </c>
      <c r="Q33" s="79">
        <v>1</v>
      </c>
      <c r="R33" s="79">
        <v>1</v>
      </c>
      <c r="S33" s="79" t="s">
        <v>543</v>
      </c>
      <c r="T33" s="79" t="s">
        <v>543</v>
      </c>
      <c r="U33" s="79">
        <v>2</v>
      </c>
      <c r="V33" s="79" t="s">
        <v>543</v>
      </c>
      <c r="W33" s="79" t="s">
        <v>543</v>
      </c>
      <c r="X33" s="79" t="s">
        <v>543</v>
      </c>
      <c r="Y33" s="79" t="s">
        <v>543</v>
      </c>
      <c r="Z33" s="79" t="s">
        <v>543</v>
      </c>
      <c r="AA33" s="79" t="s">
        <v>543</v>
      </c>
      <c r="AB33" s="79">
        <v>394</v>
      </c>
      <c r="AC33" s="79">
        <v>1313457</v>
      </c>
      <c r="AD33" s="65"/>
    </row>
    <row r="34" spans="1:30" x14ac:dyDescent="0.25">
      <c r="A34" s="77"/>
      <c r="B34" s="78" t="s">
        <v>562</v>
      </c>
      <c r="C34" s="80">
        <v>22</v>
      </c>
      <c r="D34" s="79">
        <v>2</v>
      </c>
      <c r="E34" s="79" t="s">
        <v>543</v>
      </c>
      <c r="F34" s="79">
        <v>1</v>
      </c>
      <c r="G34" s="79">
        <v>1</v>
      </c>
      <c r="H34" s="79" t="s">
        <v>543</v>
      </c>
      <c r="I34" s="79" t="s">
        <v>543</v>
      </c>
      <c r="J34" s="79">
        <v>1</v>
      </c>
      <c r="K34" s="79">
        <v>2</v>
      </c>
      <c r="L34" s="79" t="s">
        <v>543</v>
      </c>
      <c r="M34" s="79">
        <v>1</v>
      </c>
      <c r="N34" s="79" t="s">
        <v>543</v>
      </c>
      <c r="O34" s="79" t="s">
        <v>543</v>
      </c>
      <c r="P34" s="79">
        <v>2</v>
      </c>
      <c r="Q34" s="79">
        <v>2</v>
      </c>
      <c r="R34" s="79">
        <v>1</v>
      </c>
      <c r="S34" s="79">
        <v>2</v>
      </c>
      <c r="T34" s="79">
        <v>3</v>
      </c>
      <c r="U34" s="79">
        <v>2</v>
      </c>
      <c r="V34" s="79" t="s">
        <v>543</v>
      </c>
      <c r="W34" s="79" t="s">
        <v>543</v>
      </c>
      <c r="X34" s="79">
        <v>2</v>
      </c>
      <c r="Y34" s="79" t="s">
        <v>543</v>
      </c>
      <c r="Z34" s="79" t="s">
        <v>543</v>
      </c>
      <c r="AA34" s="79" t="s">
        <v>543</v>
      </c>
      <c r="AB34" s="79">
        <v>1451</v>
      </c>
      <c r="AC34" s="79">
        <v>5346050</v>
      </c>
      <c r="AD34" s="65"/>
    </row>
    <row r="35" spans="1:30" x14ac:dyDescent="0.25">
      <c r="A35" s="77"/>
      <c r="B35" s="78"/>
      <c r="C35" s="80"/>
      <c r="D35" s="79"/>
      <c r="E35" s="79"/>
      <c r="F35" s="79"/>
      <c r="G35" s="79"/>
      <c r="H35" s="79"/>
      <c r="I35" s="79"/>
      <c r="J35" s="79"/>
      <c r="K35" s="79"/>
      <c r="L35" s="79"/>
      <c r="M35" s="79"/>
      <c r="N35" s="79"/>
      <c r="O35" s="79"/>
      <c r="P35" s="79"/>
      <c r="Q35" s="79"/>
      <c r="R35" s="79"/>
      <c r="S35" s="79"/>
      <c r="T35" s="79"/>
      <c r="U35" s="79"/>
      <c r="V35" s="79"/>
      <c r="W35" s="79"/>
      <c r="X35" s="79"/>
      <c r="Y35" s="79"/>
      <c r="Z35" s="79"/>
      <c r="AA35" s="79"/>
      <c r="AB35" s="79"/>
      <c r="AC35" s="79"/>
      <c r="AD35" s="65"/>
    </row>
    <row r="36" spans="1:30" x14ac:dyDescent="0.25">
      <c r="A36" s="77"/>
      <c r="B36" s="78" t="s">
        <v>563</v>
      </c>
      <c r="C36" s="80">
        <v>1</v>
      </c>
      <c r="D36" s="79" t="s">
        <v>543</v>
      </c>
      <c r="E36" s="79" t="s">
        <v>543</v>
      </c>
      <c r="F36" s="79" t="s">
        <v>543</v>
      </c>
      <c r="G36" s="79" t="s">
        <v>543</v>
      </c>
      <c r="H36" s="79" t="s">
        <v>543</v>
      </c>
      <c r="I36" s="79" t="s">
        <v>543</v>
      </c>
      <c r="J36" s="79" t="s">
        <v>543</v>
      </c>
      <c r="K36" s="79">
        <v>1</v>
      </c>
      <c r="L36" s="79" t="s">
        <v>543</v>
      </c>
      <c r="M36" s="79" t="s">
        <v>543</v>
      </c>
      <c r="N36" s="79" t="s">
        <v>543</v>
      </c>
      <c r="O36" s="79" t="s">
        <v>543</v>
      </c>
      <c r="P36" s="79" t="s">
        <v>543</v>
      </c>
      <c r="Q36" s="79" t="s">
        <v>543</v>
      </c>
      <c r="R36" s="79" t="s">
        <v>543</v>
      </c>
      <c r="S36" s="79" t="s">
        <v>543</v>
      </c>
      <c r="T36" s="79" t="s">
        <v>543</v>
      </c>
      <c r="U36" s="79" t="s">
        <v>543</v>
      </c>
      <c r="V36" s="79" t="s">
        <v>543</v>
      </c>
      <c r="W36" s="79" t="s">
        <v>543</v>
      </c>
      <c r="X36" s="79" t="s">
        <v>543</v>
      </c>
      <c r="Y36" s="79" t="s">
        <v>543</v>
      </c>
      <c r="Z36" s="79" t="s">
        <v>543</v>
      </c>
      <c r="AA36" s="79" t="s">
        <v>543</v>
      </c>
      <c r="AB36" s="79">
        <v>91</v>
      </c>
      <c r="AC36" s="79" t="s">
        <v>287</v>
      </c>
      <c r="AD36" s="65"/>
    </row>
    <row r="37" spans="1:30" x14ac:dyDescent="0.25">
      <c r="A37" s="77"/>
      <c r="B37" s="78" t="s">
        <v>564</v>
      </c>
      <c r="C37" s="80">
        <v>10</v>
      </c>
      <c r="D37" s="79" t="s">
        <v>543</v>
      </c>
      <c r="E37" s="79" t="s">
        <v>543</v>
      </c>
      <c r="F37" s="79" t="s">
        <v>543</v>
      </c>
      <c r="G37" s="79" t="s">
        <v>543</v>
      </c>
      <c r="H37" s="79">
        <v>1</v>
      </c>
      <c r="I37" s="79" t="s">
        <v>543</v>
      </c>
      <c r="J37" s="79" t="s">
        <v>543</v>
      </c>
      <c r="K37" s="79" t="s">
        <v>543</v>
      </c>
      <c r="L37" s="79">
        <v>1</v>
      </c>
      <c r="M37" s="79">
        <v>3</v>
      </c>
      <c r="N37" s="79" t="s">
        <v>543</v>
      </c>
      <c r="O37" s="79" t="s">
        <v>543</v>
      </c>
      <c r="P37" s="79">
        <v>1</v>
      </c>
      <c r="Q37" s="79" t="s">
        <v>543</v>
      </c>
      <c r="R37" s="79" t="s">
        <v>543</v>
      </c>
      <c r="S37" s="79">
        <v>1</v>
      </c>
      <c r="T37" s="79" t="s">
        <v>543</v>
      </c>
      <c r="U37" s="79">
        <v>1</v>
      </c>
      <c r="V37" s="79" t="s">
        <v>543</v>
      </c>
      <c r="W37" s="79" t="s">
        <v>543</v>
      </c>
      <c r="X37" s="79">
        <v>1</v>
      </c>
      <c r="Y37" s="79">
        <v>1</v>
      </c>
      <c r="Z37" s="79" t="s">
        <v>543</v>
      </c>
      <c r="AA37" s="79" t="s">
        <v>543</v>
      </c>
      <c r="AB37" s="79">
        <v>111</v>
      </c>
      <c r="AC37" s="79">
        <v>171607</v>
      </c>
      <c r="AD37" s="65"/>
    </row>
    <row r="38" spans="1:30" x14ac:dyDescent="0.25">
      <c r="A38" s="77"/>
      <c r="B38" s="78" t="s">
        <v>565</v>
      </c>
      <c r="C38" s="80">
        <v>15</v>
      </c>
      <c r="D38" s="79">
        <v>1</v>
      </c>
      <c r="E38" s="79" t="s">
        <v>543</v>
      </c>
      <c r="F38" s="79" t="s">
        <v>543</v>
      </c>
      <c r="G38" s="79">
        <v>1</v>
      </c>
      <c r="H38" s="79">
        <v>1</v>
      </c>
      <c r="I38" s="79" t="s">
        <v>543</v>
      </c>
      <c r="J38" s="79" t="s">
        <v>543</v>
      </c>
      <c r="K38" s="79">
        <v>1</v>
      </c>
      <c r="L38" s="79" t="s">
        <v>543</v>
      </c>
      <c r="M38" s="79">
        <v>1</v>
      </c>
      <c r="N38" s="79" t="s">
        <v>543</v>
      </c>
      <c r="O38" s="79" t="s">
        <v>543</v>
      </c>
      <c r="P38" s="79">
        <v>2</v>
      </c>
      <c r="Q38" s="79">
        <v>2</v>
      </c>
      <c r="R38" s="79" t="s">
        <v>543</v>
      </c>
      <c r="S38" s="79">
        <v>2</v>
      </c>
      <c r="T38" s="79">
        <v>1</v>
      </c>
      <c r="U38" s="79">
        <v>1</v>
      </c>
      <c r="V38" s="79" t="s">
        <v>543</v>
      </c>
      <c r="W38" s="79">
        <v>1</v>
      </c>
      <c r="X38" s="79" t="s">
        <v>543</v>
      </c>
      <c r="Y38" s="79" t="s">
        <v>543</v>
      </c>
      <c r="Z38" s="79">
        <v>1</v>
      </c>
      <c r="AA38" s="79" t="s">
        <v>543</v>
      </c>
      <c r="AB38" s="79">
        <v>497</v>
      </c>
      <c r="AC38" s="79">
        <v>2243151</v>
      </c>
      <c r="AD38" s="65"/>
    </row>
    <row r="39" spans="1:30" x14ac:dyDescent="0.25">
      <c r="A39" s="77"/>
      <c r="B39" s="78" t="s">
        <v>566</v>
      </c>
      <c r="C39" s="80">
        <v>41</v>
      </c>
      <c r="D39" s="79">
        <v>6</v>
      </c>
      <c r="E39" s="79">
        <v>1</v>
      </c>
      <c r="F39" s="79">
        <v>2</v>
      </c>
      <c r="G39" s="79">
        <v>1</v>
      </c>
      <c r="H39" s="79">
        <v>3</v>
      </c>
      <c r="I39" s="79" t="s">
        <v>543</v>
      </c>
      <c r="J39" s="79">
        <v>8</v>
      </c>
      <c r="K39" s="79">
        <v>2</v>
      </c>
      <c r="L39" s="79" t="s">
        <v>543</v>
      </c>
      <c r="M39" s="79">
        <v>1</v>
      </c>
      <c r="N39" s="79" t="s">
        <v>543</v>
      </c>
      <c r="O39" s="79" t="s">
        <v>543</v>
      </c>
      <c r="P39" s="79">
        <v>2</v>
      </c>
      <c r="Q39" s="79">
        <v>2</v>
      </c>
      <c r="R39" s="79" t="s">
        <v>543</v>
      </c>
      <c r="S39" s="79">
        <v>4</v>
      </c>
      <c r="T39" s="79" t="s">
        <v>543</v>
      </c>
      <c r="U39" s="79" t="s">
        <v>543</v>
      </c>
      <c r="V39" s="79" t="s">
        <v>543</v>
      </c>
      <c r="W39" s="79">
        <v>2</v>
      </c>
      <c r="X39" s="79">
        <v>1</v>
      </c>
      <c r="Y39" s="79" t="s">
        <v>543</v>
      </c>
      <c r="Z39" s="79" t="s">
        <v>543</v>
      </c>
      <c r="AA39" s="79">
        <v>6</v>
      </c>
      <c r="AB39" s="79">
        <v>1731</v>
      </c>
      <c r="AC39" s="79">
        <v>4827323</v>
      </c>
      <c r="AD39" s="65"/>
    </row>
    <row r="40" spans="1:30" x14ac:dyDescent="0.25">
      <c r="A40" s="77"/>
      <c r="B40" s="78" t="s">
        <v>567</v>
      </c>
      <c r="C40" s="80">
        <v>15</v>
      </c>
      <c r="D40" s="79">
        <v>1</v>
      </c>
      <c r="E40" s="79" t="s">
        <v>543</v>
      </c>
      <c r="F40" s="79">
        <v>1</v>
      </c>
      <c r="G40" s="79" t="s">
        <v>543</v>
      </c>
      <c r="H40" s="79" t="s">
        <v>543</v>
      </c>
      <c r="I40" s="79" t="s">
        <v>543</v>
      </c>
      <c r="J40" s="79">
        <v>1</v>
      </c>
      <c r="K40" s="79">
        <v>3</v>
      </c>
      <c r="L40" s="79" t="s">
        <v>543</v>
      </c>
      <c r="M40" s="79">
        <v>4</v>
      </c>
      <c r="N40" s="79">
        <v>1</v>
      </c>
      <c r="O40" s="79" t="s">
        <v>543</v>
      </c>
      <c r="P40" s="79" t="s">
        <v>543</v>
      </c>
      <c r="Q40" s="79" t="s">
        <v>543</v>
      </c>
      <c r="R40" s="79" t="s">
        <v>543</v>
      </c>
      <c r="S40" s="79">
        <v>2</v>
      </c>
      <c r="T40" s="79">
        <v>1</v>
      </c>
      <c r="U40" s="79" t="s">
        <v>543</v>
      </c>
      <c r="V40" s="79">
        <v>1</v>
      </c>
      <c r="W40" s="79" t="s">
        <v>543</v>
      </c>
      <c r="X40" s="79" t="s">
        <v>543</v>
      </c>
      <c r="Y40" s="79" t="s">
        <v>543</v>
      </c>
      <c r="Z40" s="79" t="s">
        <v>543</v>
      </c>
      <c r="AA40" s="79" t="s">
        <v>543</v>
      </c>
      <c r="AB40" s="79">
        <v>912</v>
      </c>
      <c r="AC40" s="79">
        <v>2190172</v>
      </c>
      <c r="AD40" s="65"/>
    </row>
    <row r="41" spans="1:30" x14ac:dyDescent="0.25">
      <c r="A41" s="77"/>
      <c r="B41" s="78"/>
      <c r="C41" s="80"/>
      <c r="D41" s="79"/>
      <c r="E41" s="79"/>
      <c r="F41" s="79"/>
      <c r="G41" s="79"/>
      <c r="H41" s="79"/>
      <c r="I41" s="79"/>
      <c r="J41" s="79"/>
      <c r="K41" s="79"/>
      <c r="L41" s="79"/>
      <c r="M41" s="79"/>
      <c r="N41" s="79"/>
      <c r="O41" s="79"/>
      <c r="P41" s="79"/>
      <c r="Q41" s="79"/>
      <c r="R41" s="79"/>
      <c r="S41" s="79"/>
      <c r="T41" s="79"/>
      <c r="U41" s="79"/>
      <c r="V41" s="79"/>
      <c r="W41" s="79"/>
      <c r="X41" s="79"/>
      <c r="Y41" s="79"/>
      <c r="Z41" s="79"/>
      <c r="AA41" s="79"/>
      <c r="AB41" s="79"/>
      <c r="AC41" s="79"/>
      <c r="AD41" s="65"/>
    </row>
    <row r="42" spans="1:30" x14ac:dyDescent="0.25">
      <c r="A42" s="77"/>
      <c r="B42" s="78" t="s">
        <v>568</v>
      </c>
      <c r="C42" s="80">
        <v>10</v>
      </c>
      <c r="D42" s="79" t="s">
        <v>543</v>
      </c>
      <c r="E42" s="79" t="s">
        <v>543</v>
      </c>
      <c r="F42" s="79" t="s">
        <v>543</v>
      </c>
      <c r="G42" s="79" t="s">
        <v>543</v>
      </c>
      <c r="H42" s="79" t="s">
        <v>543</v>
      </c>
      <c r="I42" s="79" t="s">
        <v>543</v>
      </c>
      <c r="J42" s="79" t="s">
        <v>543</v>
      </c>
      <c r="K42" s="79">
        <v>2</v>
      </c>
      <c r="L42" s="79" t="s">
        <v>543</v>
      </c>
      <c r="M42" s="79" t="s">
        <v>543</v>
      </c>
      <c r="N42" s="79" t="s">
        <v>543</v>
      </c>
      <c r="O42" s="79" t="s">
        <v>543</v>
      </c>
      <c r="P42" s="79">
        <v>2</v>
      </c>
      <c r="Q42" s="79" t="s">
        <v>543</v>
      </c>
      <c r="R42" s="79" t="s">
        <v>543</v>
      </c>
      <c r="S42" s="79">
        <v>1</v>
      </c>
      <c r="T42" s="79">
        <v>1</v>
      </c>
      <c r="U42" s="79">
        <v>3</v>
      </c>
      <c r="V42" s="79" t="s">
        <v>543</v>
      </c>
      <c r="W42" s="79" t="s">
        <v>543</v>
      </c>
      <c r="X42" s="79">
        <v>1</v>
      </c>
      <c r="Y42" s="79" t="s">
        <v>543</v>
      </c>
      <c r="Z42" s="79" t="s">
        <v>543</v>
      </c>
      <c r="AA42" s="79" t="s">
        <v>543</v>
      </c>
      <c r="AB42" s="79">
        <v>425</v>
      </c>
      <c r="AC42" s="79">
        <v>836971</v>
      </c>
      <c r="AD42" s="65"/>
    </row>
    <row r="43" spans="1:30" x14ac:dyDescent="0.25">
      <c r="A43" s="77"/>
      <c r="B43" s="78" t="s">
        <v>569</v>
      </c>
      <c r="C43" s="80">
        <v>6</v>
      </c>
      <c r="D43" s="79" t="s">
        <v>543</v>
      </c>
      <c r="E43" s="79" t="s">
        <v>543</v>
      </c>
      <c r="F43" s="79" t="s">
        <v>543</v>
      </c>
      <c r="G43" s="79" t="s">
        <v>543</v>
      </c>
      <c r="H43" s="79" t="s">
        <v>543</v>
      </c>
      <c r="I43" s="79" t="s">
        <v>543</v>
      </c>
      <c r="J43" s="79" t="s">
        <v>543</v>
      </c>
      <c r="K43" s="79">
        <v>1</v>
      </c>
      <c r="L43" s="79" t="s">
        <v>543</v>
      </c>
      <c r="M43" s="79" t="s">
        <v>543</v>
      </c>
      <c r="N43" s="79" t="s">
        <v>543</v>
      </c>
      <c r="O43" s="79" t="s">
        <v>543</v>
      </c>
      <c r="P43" s="79" t="s">
        <v>543</v>
      </c>
      <c r="Q43" s="79" t="s">
        <v>543</v>
      </c>
      <c r="R43" s="79" t="s">
        <v>543</v>
      </c>
      <c r="S43" s="79" t="s">
        <v>543</v>
      </c>
      <c r="T43" s="79" t="s">
        <v>543</v>
      </c>
      <c r="U43" s="79">
        <v>1</v>
      </c>
      <c r="V43" s="79" t="s">
        <v>543</v>
      </c>
      <c r="W43" s="79">
        <v>2</v>
      </c>
      <c r="X43" s="79" t="s">
        <v>543</v>
      </c>
      <c r="Y43" s="79" t="s">
        <v>543</v>
      </c>
      <c r="Z43" s="79">
        <v>2</v>
      </c>
      <c r="AA43" s="79" t="s">
        <v>543</v>
      </c>
      <c r="AB43" s="79">
        <v>85</v>
      </c>
      <c r="AC43" s="79">
        <v>60888</v>
      </c>
      <c r="AD43" s="65"/>
    </row>
    <row r="44" spans="1:30" x14ac:dyDescent="0.25">
      <c r="A44" s="77"/>
      <c r="B44" s="78" t="s">
        <v>570</v>
      </c>
      <c r="C44" s="80">
        <v>25</v>
      </c>
      <c r="D44" s="79" t="s">
        <v>543</v>
      </c>
      <c r="E44" s="79">
        <v>1</v>
      </c>
      <c r="F44" s="79" t="s">
        <v>543</v>
      </c>
      <c r="G44" s="79" t="s">
        <v>543</v>
      </c>
      <c r="H44" s="79" t="s">
        <v>543</v>
      </c>
      <c r="I44" s="79" t="s">
        <v>543</v>
      </c>
      <c r="J44" s="79" t="s">
        <v>543</v>
      </c>
      <c r="K44" s="79" t="s">
        <v>543</v>
      </c>
      <c r="L44" s="79" t="s">
        <v>543</v>
      </c>
      <c r="M44" s="79">
        <v>1</v>
      </c>
      <c r="N44" s="79" t="s">
        <v>543</v>
      </c>
      <c r="O44" s="79" t="s">
        <v>543</v>
      </c>
      <c r="P44" s="79">
        <v>1</v>
      </c>
      <c r="Q44" s="79" t="s">
        <v>543</v>
      </c>
      <c r="R44" s="79" t="s">
        <v>543</v>
      </c>
      <c r="S44" s="79">
        <v>3</v>
      </c>
      <c r="T44" s="79">
        <v>3</v>
      </c>
      <c r="U44" s="79">
        <v>13</v>
      </c>
      <c r="V44" s="79" t="s">
        <v>543</v>
      </c>
      <c r="W44" s="79" t="s">
        <v>543</v>
      </c>
      <c r="X44" s="79">
        <v>1</v>
      </c>
      <c r="Y44" s="79" t="s">
        <v>543</v>
      </c>
      <c r="Z44" s="79" t="s">
        <v>543</v>
      </c>
      <c r="AA44" s="79">
        <v>2</v>
      </c>
      <c r="AB44" s="79">
        <v>710</v>
      </c>
      <c r="AC44" s="79">
        <v>1155904</v>
      </c>
      <c r="AD44" s="65"/>
    </row>
    <row r="45" spans="1:30" x14ac:dyDescent="0.25">
      <c r="A45" s="77"/>
      <c r="B45" s="78" t="s">
        <v>571</v>
      </c>
      <c r="C45" s="80">
        <v>17</v>
      </c>
      <c r="D45" s="79" t="s">
        <v>543</v>
      </c>
      <c r="E45" s="79">
        <v>1</v>
      </c>
      <c r="F45" s="79" t="s">
        <v>543</v>
      </c>
      <c r="G45" s="79">
        <v>2</v>
      </c>
      <c r="H45" s="79" t="s">
        <v>543</v>
      </c>
      <c r="I45" s="79" t="s">
        <v>543</v>
      </c>
      <c r="J45" s="79">
        <v>1</v>
      </c>
      <c r="K45" s="79" t="s">
        <v>543</v>
      </c>
      <c r="L45" s="79" t="s">
        <v>543</v>
      </c>
      <c r="M45" s="79">
        <v>2</v>
      </c>
      <c r="N45" s="79" t="s">
        <v>543</v>
      </c>
      <c r="O45" s="79" t="s">
        <v>543</v>
      </c>
      <c r="P45" s="79">
        <v>1</v>
      </c>
      <c r="Q45" s="79" t="s">
        <v>543</v>
      </c>
      <c r="R45" s="79" t="s">
        <v>543</v>
      </c>
      <c r="S45" s="79">
        <v>2</v>
      </c>
      <c r="T45" s="79" t="s">
        <v>543</v>
      </c>
      <c r="U45" s="79">
        <v>5</v>
      </c>
      <c r="V45" s="79">
        <v>1</v>
      </c>
      <c r="W45" s="79" t="s">
        <v>543</v>
      </c>
      <c r="X45" s="79">
        <v>1</v>
      </c>
      <c r="Y45" s="79" t="s">
        <v>543</v>
      </c>
      <c r="Z45" s="79" t="s">
        <v>543</v>
      </c>
      <c r="AA45" s="79">
        <v>1</v>
      </c>
      <c r="AB45" s="79">
        <v>323</v>
      </c>
      <c r="AC45" s="79">
        <v>504375</v>
      </c>
      <c r="AD45" s="65"/>
    </row>
    <row r="46" spans="1:30" x14ac:dyDescent="0.25">
      <c r="A46" s="77"/>
      <c r="B46" s="78" t="s">
        <v>572</v>
      </c>
      <c r="C46" s="80">
        <v>26</v>
      </c>
      <c r="D46" s="79">
        <v>6</v>
      </c>
      <c r="E46" s="79" t="s">
        <v>543</v>
      </c>
      <c r="F46" s="79">
        <v>1</v>
      </c>
      <c r="G46" s="79" t="s">
        <v>543</v>
      </c>
      <c r="H46" s="79" t="s">
        <v>543</v>
      </c>
      <c r="I46" s="79">
        <v>1</v>
      </c>
      <c r="J46" s="79">
        <v>4</v>
      </c>
      <c r="K46" s="79">
        <v>1</v>
      </c>
      <c r="L46" s="79" t="s">
        <v>543</v>
      </c>
      <c r="M46" s="79">
        <v>3</v>
      </c>
      <c r="N46" s="79" t="s">
        <v>543</v>
      </c>
      <c r="O46" s="79">
        <v>2</v>
      </c>
      <c r="P46" s="79" t="s">
        <v>543</v>
      </c>
      <c r="Q46" s="79" t="s">
        <v>543</v>
      </c>
      <c r="R46" s="79" t="s">
        <v>543</v>
      </c>
      <c r="S46" s="79">
        <v>2</v>
      </c>
      <c r="T46" s="79" t="s">
        <v>543</v>
      </c>
      <c r="U46" s="79">
        <v>3</v>
      </c>
      <c r="V46" s="79" t="s">
        <v>543</v>
      </c>
      <c r="W46" s="79">
        <v>1</v>
      </c>
      <c r="X46" s="79">
        <v>1</v>
      </c>
      <c r="Y46" s="79" t="s">
        <v>543</v>
      </c>
      <c r="Z46" s="79" t="s">
        <v>543</v>
      </c>
      <c r="AA46" s="79">
        <v>1</v>
      </c>
      <c r="AB46" s="79">
        <v>1293</v>
      </c>
      <c r="AC46" s="79">
        <v>5767506</v>
      </c>
      <c r="AD46" s="65"/>
    </row>
    <row r="47" spans="1:30" x14ac:dyDescent="0.25">
      <c r="A47" s="77"/>
      <c r="B47" s="78"/>
      <c r="C47" s="80"/>
      <c r="D47" s="79"/>
      <c r="E47" s="79"/>
      <c r="F47" s="79"/>
      <c r="G47" s="79"/>
      <c r="H47" s="79"/>
      <c r="I47" s="79"/>
      <c r="J47" s="79"/>
      <c r="K47" s="79"/>
      <c r="L47" s="79"/>
      <c r="M47" s="79"/>
      <c r="N47" s="79"/>
      <c r="O47" s="79"/>
      <c r="P47" s="79"/>
      <c r="Q47" s="79"/>
      <c r="R47" s="79"/>
      <c r="S47" s="79"/>
      <c r="T47" s="79"/>
      <c r="U47" s="79"/>
      <c r="V47" s="79"/>
      <c r="W47" s="79"/>
      <c r="X47" s="79"/>
      <c r="Y47" s="79"/>
      <c r="Z47" s="79"/>
      <c r="AA47" s="79"/>
      <c r="AB47" s="79"/>
      <c r="AC47" s="79"/>
      <c r="AD47" s="65"/>
    </row>
    <row r="48" spans="1:30" x14ac:dyDescent="0.25">
      <c r="A48" s="77"/>
      <c r="B48" s="78" t="s">
        <v>573</v>
      </c>
      <c r="C48" s="80">
        <v>28</v>
      </c>
      <c r="D48" s="79">
        <v>12</v>
      </c>
      <c r="E48" s="79">
        <v>2</v>
      </c>
      <c r="F48" s="79">
        <v>2</v>
      </c>
      <c r="G48" s="79" t="s">
        <v>543</v>
      </c>
      <c r="H48" s="79" t="s">
        <v>543</v>
      </c>
      <c r="I48" s="79" t="s">
        <v>543</v>
      </c>
      <c r="J48" s="79">
        <v>4</v>
      </c>
      <c r="K48" s="79" t="s">
        <v>543</v>
      </c>
      <c r="L48" s="79" t="s">
        <v>543</v>
      </c>
      <c r="M48" s="79">
        <v>2</v>
      </c>
      <c r="N48" s="79" t="s">
        <v>543</v>
      </c>
      <c r="O48" s="79" t="s">
        <v>543</v>
      </c>
      <c r="P48" s="79">
        <v>2</v>
      </c>
      <c r="Q48" s="79" t="s">
        <v>543</v>
      </c>
      <c r="R48" s="79" t="s">
        <v>543</v>
      </c>
      <c r="S48" s="79">
        <v>3</v>
      </c>
      <c r="T48" s="79" t="s">
        <v>543</v>
      </c>
      <c r="U48" s="79">
        <v>1</v>
      </c>
      <c r="V48" s="79" t="s">
        <v>543</v>
      </c>
      <c r="W48" s="79" t="s">
        <v>543</v>
      </c>
      <c r="X48" s="79" t="s">
        <v>543</v>
      </c>
      <c r="Y48" s="79" t="s">
        <v>543</v>
      </c>
      <c r="Z48" s="79" t="s">
        <v>543</v>
      </c>
      <c r="AA48" s="79" t="s">
        <v>543</v>
      </c>
      <c r="AB48" s="79">
        <v>931</v>
      </c>
      <c r="AC48" s="79">
        <v>1085323</v>
      </c>
      <c r="AD48" s="65"/>
    </row>
    <row r="49" spans="1:30" x14ac:dyDescent="0.25">
      <c r="A49" s="77"/>
      <c r="B49" s="78" t="s">
        <v>574</v>
      </c>
      <c r="C49" s="80">
        <v>8</v>
      </c>
      <c r="D49" s="79">
        <v>3</v>
      </c>
      <c r="E49" s="79" t="s">
        <v>543</v>
      </c>
      <c r="F49" s="79" t="s">
        <v>543</v>
      </c>
      <c r="G49" s="79" t="s">
        <v>543</v>
      </c>
      <c r="H49" s="79" t="s">
        <v>543</v>
      </c>
      <c r="I49" s="79" t="s">
        <v>543</v>
      </c>
      <c r="J49" s="79" t="s">
        <v>543</v>
      </c>
      <c r="K49" s="79" t="s">
        <v>543</v>
      </c>
      <c r="L49" s="79" t="s">
        <v>543</v>
      </c>
      <c r="M49" s="79">
        <v>1</v>
      </c>
      <c r="N49" s="79" t="s">
        <v>543</v>
      </c>
      <c r="O49" s="79" t="s">
        <v>543</v>
      </c>
      <c r="P49" s="79">
        <v>1</v>
      </c>
      <c r="Q49" s="79" t="s">
        <v>543</v>
      </c>
      <c r="R49" s="79" t="s">
        <v>543</v>
      </c>
      <c r="S49" s="79" t="s">
        <v>543</v>
      </c>
      <c r="T49" s="79" t="s">
        <v>543</v>
      </c>
      <c r="U49" s="79" t="s">
        <v>543</v>
      </c>
      <c r="V49" s="79" t="s">
        <v>543</v>
      </c>
      <c r="W49" s="79">
        <v>1</v>
      </c>
      <c r="X49" s="79" t="s">
        <v>543</v>
      </c>
      <c r="Y49" s="79" t="s">
        <v>543</v>
      </c>
      <c r="Z49" s="79">
        <v>2</v>
      </c>
      <c r="AA49" s="79" t="s">
        <v>543</v>
      </c>
      <c r="AB49" s="79">
        <v>2710</v>
      </c>
      <c r="AC49" s="79">
        <v>8035898</v>
      </c>
      <c r="AD49" s="65"/>
    </row>
    <row r="50" spans="1:30" x14ac:dyDescent="0.25">
      <c r="A50" s="77"/>
      <c r="B50" s="78" t="s">
        <v>575</v>
      </c>
      <c r="C50" s="80">
        <v>7</v>
      </c>
      <c r="D50" s="79" t="s">
        <v>543</v>
      </c>
      <c r="E50" s="79" t="s">
        <v>543</v>
      </c>
      <c r="F50" s="79" t="s">
        <v>543</v>
      </c>
      <c r="G50" s="79" t="s">
        <v>543</v>
      </c>
      <c r="H50" s="79" t="s">
        <v>543</v>
      </c>
      <c r="I50" s="79" t="s">
        <v>543</v>
      </c>
      <c r="J50" s="79" t="s">
        <v>543</v>
      </c>
      <c r="K50" s="79" t="s">
        <v>543</v>
      </c>
      <c r="L50" s="79" t="s">
        <v>543</v>
      </c>
      <c r="M50" s="79" t="s">
        <v>543</v>
      </c>
      <c r="N50" s="79" t="s">
        <v>543</v>
      </c>
      <c r="O50" s="79" t="s">
        <v>543</v>
      </c>
      <c r="P50" s="79" t="s">
        <v>543</v>
      </c>
      <c r="Q50" s="79" t="s">
        <v>543</v>
      </c>
      <c r="R50" s="79" t="s">
        <v>543</v>
      </c>
      <c r="S50" s="79">
        <v>1</v>
      </c>
      <c r="T50" s="79" t="s">
        <v>543</v>
      </c>
      <c r="U50" s="79">
        <v>3</v>
      </c>
      <c r="V50" s="79" t="s">
        <v>543</v>
      </c>
      <c r="W50" s="79">
        <v>1</v>
      </c>
      <c r="X50" s="79">
        <v>1</v>
      </c>
      <c r="Y50" s="79">
        <v>1</v>
      </c>
      <c r="Z50" s="79" t="s">
        <v>543</v>
      </c>
      <c r="AA50" s="79" t="s">
        <v>543</v>
      </c>
      <c r="AB50" s="79">
        <v>367</v>
      </c>
      <c r="AC50" s="79">
        <v>755443</v>
      </c>
      <c r="AD50" s="65"/>
    </row>
    <row r="51" spans="1:30" x14ac:dyDescent="0.25">
      <c r="A51" s="77"/>
      <c r="B51" s="78" t="s">
        <v>576</v>
      </c>
      <c r="C51" s="80">
        <v>16</v>
      </c>
      <c r="D51" s="79">
        <v>4</v>
      </c>
      <c r="E51" s="79" t="s">
        <v>543</v>
      </c>
      <c r="F51" s="79" t="s">
        <v>543</v>
      </c>
      <c r="G51" s="79" t="s">
        <v>543</v>
      </c>
      <c r="H51" s="79" t="s">
        <v>543</v>
      </c>
      <c r="I51" s="79" t="s">
        <v>543</v>
      </c>
      <c r="J51" s="79" t="s">
        <v>543</v>
      </c>
      <c r="K51" s="79">
        <v>1</v>
      </c>
      <c r="L51" s="79" t="s">
        <v>543</v>
      </c>
      <c r="M51" s="79">
        <v>1</v>
      </c>
      <c r="N51" s="79">
        <v>1</v>
      </c>
      <c r="O51" s="79" t="s">
        <v>543</v>
      </c>
      <c r="P51" s="79" t="s">
        <v>543</v>
      </c>
      <c r="Q51" s="79" t="s">
        <v>543</v>
      </c>
      <c r="R51" s="79" t="s">
        <v>543</v>
      </c>
      <c r="S51" s="79">
        <v>3</v>
      </c>
      <c r="T51" s="79">
        <v>1</v>
      </c>
      <c r="U51" s="79">
        <v>3</v>
      </c>
      <c r="V51" s="79" t="s">
        <v>543</v>
      </c>
      <c r="W51" s="79" t="s">
        <v>543</v>
      </c>
      <c r="X51" s="79">
        <v>1</v>
      </c>
      <c r="Y51" s="79" t="s">
        <v>543</v>
      </c>
      <c r="Z51" s="79">
        <v>1</v>
      </c>
      <c r="AA51" s="79" t="s">
        <v>543</v>
      </c>
      <c r="AB51" s="79">
        <v>199</v>
      </c>
      <c r="AC51" s="79">
        <v>336609</v>
      </c>
      <c r="AD51" s="65"/>
    </row>
    <row r="52" spans="1:30" x14ac:dyDescent="0.25">
      <c r="A52" s="77"/>
      <c r="B52" s="78" t="s">
        <v>577</v>
      </c>
      <c r="C52" s="80">
        <v>17</v>
      </c>
      <c r="D52" s="79">
        <v>1</v>
      </c>
      <c r="E52" s="79">
        <v>1</v>
      </c>
      <c r="F52" s="79">
        <v>2</v>
      </c>
      <c r="G52" s="79" t="s">
        <v>543</v>
      </c>
      <c r="H52" s="79">
        <v>1</v>
      </c>
      <c r="I52" s="79">
        <v>2</v>
      </c>
      <c r="J52" s="79" t="s">
        <v>543</v>
      </c>
      <c r="K52" s="79">
        <v>1</v>
      </c>
      <c r="L52" s="79" t="s">
        <v>543</v>
      </c>
      <c r="M52" s="79">
        <v>2</v>
      </c>
      <c r="N52" s="79" t="s">
        <v>543</v>
      </c>
      <c r="O52" s="79" t="s">
        <v>543</v>
      </c>
      <c r="P52" s="79" t="s">
        <v>543</v>
      </c>
      <c r="Q52" s="79" t="s">
        <v>543</v>
      </c>
      <c r="R52" s="79" t="s">
        <v>543</v>
      </c>
      <c r="S52" s="79">
        <v>3</v>
      </c>
      <c r="T52" s="79" t="s">
        <v>543</v>
      </c>
      <c r="U52" s="79">
        <v>3</v>
      </c>
      <c r="V52" s="79" t="s">
        <v>543</v>
      </c>
      <c r="W52" s="79" t="s">
        <v>543</v>
      </c>
      <c r="X52" s="79" t="s">
        <v>543</v>
      </c>
      <c r="Y52" s="79" t="s">
        <v>543</v>
      </c>
      <c r="Z52" s="79" t="s">
        <v>543</v>
      </c>
      <c r="AA52" s="79">
        <v>1</v>
      </c>
      <c r="AB52" s="79">
        <v>662</v>
      </c>
      <c r="AC52" s="79">
        <v>1359374</v>
      </c>
      <c r="AD52" s="65"/>
    </row>
    <row r="53" spans="1:30" x14ac:dyDescent="0.25">
      <c r="A53" s="77"/>
      <c r="B53" s="78"/>
      <c r="C53" s="80"/>
      <c r="D53" s="79"/>
      <c r="E53" s="79"/>
      <c r="F53" s="79"/>
      <c r="G53" s="79"/>
      <c r="H53" s="79"/>
      <c r="I53" s="79"/>
      <c r="J53" s="79"/>
      <c r="K53" s="79"/>
      <c r="L53" s="79"/>
      <c r="M53" s="79"/>
      <c r="N53" s="79"/>
      <c r="O53" s="79"/>
      <c r="P53" s="79"/>
      <c r="Q53" s="79"/>
      <c r="R53" s="79"/>
      <c r="S53" s="79"/>
      <c r="T53" s="79"/>
      <c r="U53" s="79"/>
      <c r="V53" s="79"/>
      <c r="W53" s="79"/>
      <c r="X53" s="79"/>
      <c r="Y53" s="79"/>
      <c r="Z53" s="79"/>
      <c r="AA53" s="79"/>
      <c r="AB53" s="79"/>
      <c r="AC53" s="79"/>
      <c r="AD53" s="65"/>
    </row>
    <row r="54" spans="1:30" x14ac:dyDescent="0.25">
      <c r="A54" s="77"/>
      <c r="B54" s="78" t="s">
        <v>578</v>
      </c>
      <c r="C54" s="80">
        <v>10</v>
      </c>
      <c r="D54" s="79" t="s">
        <v>543</v>
      </c>
      <c r="E54" s="79" t="s">
        <v>543</v>
      </c>
      <c r="F54" s="79" t="s">
        <v>543</v>
      </c>
      <c r="G54" s="79">
        <v>1</v>
      </c>
      <c r="H54" s="79" t="s">
        <v>543</v>
      </c>
      <c r="I54" s="79" t="s">
        <v>543</v>
      </c>
      <c r="J54" s="79">
        <v>2</v>
      </c>
      <c r="K54" s="79">
        <v>1</v>
      </c>
      <c r="L54" s="79" t="s">
        <v>543</v>
      </c>
      <c r="M54" s="79">
        <v>3</v>
      </c>
      <c r="N54" s="79" t="s">
        <v>543</v>
      </c>
      <c r="O54" s="79" t="s">
        <v>543</v>
      </c>
      <c r="P54" s="79" t="s">
        <v>543</v>
      </c>
      <c r="Q54" s="79" t="s">
        <v>543</v>
      </c>
      <c r="R54" s="79" t="s">
        <v>543</v>
      </c>
      <c r="S54" s="79">
        <v>2</v>
      </c>
      <c r="T54" s="79" t="s">
        <v>543</v>
      </c>
      <c r="U54" s="79" t="s">
        <v>543</v>
      </c>
      <c r="V54" s="79" t="s">
        <v>543</v>
      </c>
      <c r="W54" s="79" t="s">
        <v>543</v>
      </c>
      <c r="X54" s="79">
        <v>1</v>
      </c>
      <c r="Y54" s="79" t="s">
        <v>543</v>
      </c>
      <c r="Z54" s="79" t="s">
        <v>543</v>
      </c>
      <c r="AA54" s="79" t="s">
        <v>543</v>
      </c>
      <c r="AB54" s="79">
        <v>370</v>
      </c>
      <c r="AC54" s="79">
        <v>649469</v>
      </c>
      <c r="AD54" s="65"/>
    </row>
    <row r="55" spans="1:30" x14ac:dyDescent="0.25">
      <c r="A55" s="77"/>
      <c r="B55" s="78" t="s">
        <v>579</v>
      </c>
      <c r="C55" s="80">
        <v>1</v>
      </c>
      <c r="D55" s="79" t="s">
        <v>543</v>
      </c>
      <c r="E55" s="79" t="s">
        <v>543</v>
      </c>
      <c r="F55" s="79" t="s">
        <v>543</v>
      </c>
      <c r="G55" s="79" t="s">
        <v>543</v>
      </c>
      <c r="H55" s="79" t="s">
        <v>543</v>
      </c>
      <c r="I55" s="79" t="s">
        <v>543</v>
      </c>
      <c r="J55" s="79" t="s">
        <v>543</v>
      </c>
      <c r="K55" s="79" t="s">
        <v>543</v>
      </c>
      <c r="L55" s="79" t="s">
        <v>543</v>
      </c>
      <c r="M55" s="79" t="s">
        <v>543</v>
      </c>
      <c r="N55" s="79" t="s">
        <v>543</v>
      </c>
      <c r="O55" s="79" t="s">
        <v>543</v>
      </c>
      <c r="P55" s="79" t="s">
        <v>543</v>
      </c>
      <c r="Q55" s="79" t="s">
        <v>543</v>
      </c>
      <c r="R55" s="79" t="s">
        <v>543</v>
      </c>
      <c r="S55" s="79" t="s">
        <v>543</v>
      </c>
      <c r="T55" s="79" t="s">
        <v>543</v>
      </c>
      <c r="U55" s="79">
        <v>1</v>
      </c>
      <c r="V55" s="79" t="s">
        <v>543</v>
      </c>
      <c r="W55" s="79" t="s">
        <v>543</v>
      </c>
      <c r="X55" s="79" t="s">
        <v>543</v>
      </c>
      <c r="Y55" s="79" t="s">
        <v>543</v>
      </c>
      <c r="Z55" s="79" t="s">
        <v>543</v>
      </c>
      <c r="AA55" s="79" t="s">
        <v>543</v>
      </c>
      <c r="AB55" s="79">
        <v>11</v>
      </c>
      <c r="AC55" s="79" t="s">
        <v>287</v>
      </c>
      <c r="AD55" s="65"/>
    </row>
    <row r="56" spans="1:30" x14ac:dyDescent="0.25">
      <c r="A56" s="77"/>
      <c r="B56" s="78" t="s">
        <v>580</v>
      </c>
      <c r="C56" s="80">
        <v>10</v>
      </c>
      <c r="D56" s="79" t="s">
        <v>543</v>
      </c>
      <c r="E56" s="79" t="s">
        <v>543</v>
      </c>
      <c r="F56" s="79" t="s">
        <v>543</v>
      </c>
      <c r="G56" s="79" t="s">
        <v>543</v>
      </c>
      <c r="H56" s="79">
        <v>1</v>
      </c>
      <c r="I56" s="79">
        <v>1</v>
      </c>
      <c r="J56" s="79" t="s">
        <v>543</v>
      </c>
      <c r="K56" s="79" t="s">
        <v>543</v>
      </c>
      <c r="L56" s="79" t="s">
        <v>543</v>
      </c>
      <c r="M56" s="79" t="s">
        <v>543</v>
      </c>
      <c r="N56" s="79" t="s">
        <v>543</v>
      </c>
      <c r="O56" s="79" t="s">
        <v>543</v>
      </c>
      <c r="P56" s="79">
        <v>1</v>
      </c>
      <c r="Q56" s="79">
        <v>2</v>
      </c>
      <c r="R56" s="79" t="s">
        <v>543</v>
      </c>
      <c r="S56" s="79">
        <v>3</v>
      </c>
      <c r="T56" s="79" t="s">
        <v>543</v>
      </c>
      <c r="U56" s="79">
        <v>1</v>
      </c>
      <c r="V56" s="79" t="s">
        <v>543</v>
      </c>
      <c r="W56" s="79" t="s">
        <v>543</v>
      </c>
      <c r="X56" s="79" t="s">
        <v>543</v>
      </c>
      <c r="Y56" s="79" t="s">
        <v>543</v>
      </c>
      <c r="Z56" s="79">
        <v>1</v>
      </c>
      <c r="AA56" s="79" t="s">
        <v>543</v>
      </c>
      <c r="AB56" s="79">
        <v>369</v>
      </c>
      <c r="AC56" s="79">
        <v>1029847</v>
      </c>
      <c r="AD56" s="65"/>
    </row>
    <row r="57" spans="1:30" x14ac:dyDescent="0.25">
      <c r="A57" s="77"/>
      <c r="B57" s="78" t="s">
        <v>581</v>
      </c>
      <c r="C57" s="80">
        <v>1</v>
      </c>
      <c r="D57" s="79" t="s">
        <v>543</v>
      </c>
      <c r="E57" s="79" t="s">
        <v>543</v>
      </c>
      <c r="F57" s="79" t="s">
        <v>543</v>
      </c>
      <c r="G57" s="79" t="s">
        <v>543</v>
      </c>
      <c r="H57" s="79" t="s">
        <v>543</v>
      </c>
      <c r="I57" s="79" t="s">
        <v>543</v>
      </c>
      <c r="J57" s="79" t="s">
        <v>543</v>
      </c>
      <c r="K57" s="79" t="s">
        <v>543</v>
      </c>
      <c r="L57" s="79" t="s">
        <v>543</v>
      </c>
      <c r="M57" s="79" t="s">
        <v>543</v>
      </c>
      <c r="N57" s="79" t="s">
        <v>543</v>
      </c>
      <c r="O57" s="79" t="s">
        <v>543</v>
      </c>
      <c r="P57" s="79">
        <v>1</v>
      </c>
      <c r="Q57" s="79" t="s">
        <v>543</v>
      </c>
      <c r="R57" s="79" t="s">
        <v>543</v>
      </c>
      <c r="S57" s="79" t="s">
        <v>543</v>
      </c>
      <c r="T57" s="79" t="s">
        <v>543</v>
      </c>
      <c r="U57" s="79" t="s">
        <v>543</v>
      </c>
      <c r="V57" s="79" t="s">
        <v>543</v>
      </c>
      <c r="W57" s="79" t="s">
        <v>543</v>
      </c>
      <c r="X57" s="79" t="s">
        <v>543</v>
      </c>
      <c r="Y57" s="79" t="s">
        <v>543</v>
      </c>
      <c r="Z57" s="79" t="s">
        <v>543</v>
      </c>
      <c r="AA57" s="79" t="s">
        <v>543</v>
      </c>
      <c r="AB57" s="79">
        <v>4</v>
      </c>
      <c r="AC57" s="79" t="s">
        <v>287</v>
      </c>
      <c r="AD57" s="65"/>
    </row>
    <row r="58" spans="1:30" x14ac:dyDescent="0.25">
      <c r="A58" s="77"/>
      <c r="B58" s="78" t="s">
        <v>582</v>
      </c>
      <c r="C58" s="80">
        <v>1</v>
      </c>
      <c r="D58" s="79">
        <v>1</v>
      </c>
      <c r="E58" s="79" t="s">
        <v>543</v>
      </c>
      <c r="F58" s="79" t="s">
        <v>543</v>
      </c>
      <c r="G58" s="79" t="s">
        <v>543</v>
      </c>
      <c r="H58" s="79" t="s">
        <v>543</v>
      </c>
      <c r="I58" s="79" t="s">
        <v>543</v>
      </c>
      <c r="J58" s="79" t="s">
        <v>543</v>
      </c>
      <c r="K58" s="79" t="s">
        <v>543</v>
      </c>
      <c r="L58" s="79" t="s">
        <v>543</v>
      </c>
      <c r="M58" s="79" t="s">
        <v>543</v>
      </c>
      <c r="N58" s="79" t="s">
        <v>543</v>
      </c>
      <c r="O58" s="79" t="s">
        <v>543</v>
      </c>
      <c r="P58" s="79" t="s">
        <v>543</v>
      </c>
      <c r="Q58" s="79" t="s">
        <v>543</v>
      </c>
      <c r="R58" s="79" t="s">
        <v>543</v>
      </c>
      <c r="S58" s="79" t="s">
        <v>543</v>
      </c>
      <c r="T58" s="79" t="s">
        <v>543</v>
      </c>
      <c r="U58" s="79" t="s">
        <v>543</v>
      </c>
      <c r="V58" s="79" t="s">
        <v>543</v>
      </c>
      <c r="W58" s="79" t="s">
        <v>543</v>
      </c>
      <c r="X58" s="79" t="s">
        <v>543</v>
      </c>
      <c r="Y58" s="79" t="s">
        <v>543</v>
      </c>
      <c r="Z58" s="79" t="s">
        <v>543</v>
      </c>
      <c r="AA58" s="79" t="s">
        <v>543</v>
      </c>
      <c r="AB58" s="79">
        <v>6</v>
      </c>
      <c r="AC58" s="79" t="s">
        <v>287</v>
      </c>
      <c r="AD58" s="65"/>
    </row>
    <row r="59" spans="1:30" x14ac:dyDescent="0.25">
      <c r="A59" s="77"/>
      <c r="B59" s="78"/>
      <c r="C59" s="80"/>
      <c r="D59" s="79"/>
      <c r="E59" s="79"/>
      <c r="F59" s="79"/>
      <c r="G59" s="79"/>
      <c r="H59" s="79"/>
      <c r="I59" s="79"/>
      <c r="J59" s="79"/>
      <c r="K59" s="79"/>
      <c r="L59" s="79"/>
      <c r="M59" s="79"/>
      <c r="N59" s="79"/>
      <c r="O59" s="79"/>
      <c r="P59" s="79"/>
      <c r="Q59" s="79"/>
      <c r="R59" s="79"/>
      <c r="S59" s="79"/>
      <c r="T59" s="79"/>
      <c r="U59" s="79"/>
      <c r="V59" s="79"/>
      <c r="W59" s="79"/>
      <c r="X59" s="79"/>
      <c r="Y59" s="79"/>
      <c r="Z59" s="79"/>
      <c r="AA59" s="79"/>
      <c r="AB59" s="79"/>
      <c r="AC59" s="79"/>
      <c r="AD59" s="65"/>
    </row>
    <row r="60" spans="1:30" x14ac:dyDescent="0.25">
      <c r="A60" s="77"/>
      <c r="B60" s="78" t="s">
        <v>583</v>
      </c>
      <c r="C60" s="80">
        <v>2</v>
      </c>
      <c r="D60" s="79" t="s">
        <v>543</v>
      </c>
      <c r="E60" s="79" t="s">
        <v>543</v>
      </c>
      <c r="F60" s="79" t="s">
        <v>543</v>
      </c>
      <c r="G60" s="79" t="s">
        <v>543</v>
      </c>
      <c r="H60" s="79" t="s">
        <v>543</v>
      </c>
      <c r="I60" s="79" t="s">
        <v>543</v>
      </c>
      <c r="J60" s="79" t="s">
        <v>543</v>
      </c>
      <c r="K60" s="79" t="s">
        <v>543</v>
      </c>
      <c r="L60" s="79" t="s">
        <v>543</v>
      </c>
      <c r="M60" s="79" t="s">
        <v>543</v>
      </c>
      <c r="N60" s="79" t="s">
        <v>543</v>
      </c>
      <c r="O60" s="79" t="s">
        <v>543</v>
      </c>
      <c r="P60" s="79" t="s">
        <v>543</v>
      </c>
      <c r="Q60" s="79">
        <v>2</v>
      </c>
      <c r="R60" s="79" t="s">
        <v>543</v>
      </c>
      <c r="S60" s="79" t="s">
        <v>543</v>
      </c>
      <c r="T60" s="79" t="s">
        <v>543</v>
      </c>
      <c r="U60" s="79" t="s">
        <v>543</v>
      </c>
      <c r="V60" s="79" t="s">
        <v>543</v>
      </c>
      <c r="W60" s="79" t="s">
        <v>543</v>
      </c>
      <c r="X60" s="79" t="s">
        <v>543</v>
      </c>
      <c r="Y60" s="79" t="s">
        <v>543</v>
      </c>
      <c r="Z60" s="79" t="s">
        <v>543</v>
      </c>
      <c r="AA60" s="79" t="s">
        <v>543</v>
      </c>
      <c r="AB60" s="79">
        <v>40</v>
      </c>
      <c r="AC60" s="79" t="s">
        <v>287</v>
      </c>
      <c r="AD60" s="65"/>
    </row>
    <row r="61" spans="1:30" x14ac:dyDescent="0.25">
      <c r="A61" s="77"/>
      <c r="B61" s="78" t="s">
        <v>584</v>
      </c>
      <c r="C61" s="80">
        <v>12</v>
      </c>
      <c r="D61" s="79">
        <v>3</v>
      </c>
      <c r="E61" s="79">
        <v>1</v>
      </c>
      <c r="F61" s="79" t="s">
        <v>543</v>
      </c>
      <c r="G61" s="79">
        <v>1</v>
      </c>
      <c r="H61" s="79" t="s">
        <v>543</v>
      </c>
      <c r="I61" s="79" t="s">
        <v>543</v>
      </c>
      <c r="J61" s="79">
        <v>1</v>
      </c>
      <c r="K61" s="79">
        <v>1</v>
      </c>
      <c r="L61" s="79" t="s">
        <v>543</v>
      </c>
      <c r="M61" s="79" t="s">
        <v>543</v>
      </c>
      <c r="N61" s="79" t="s">
        <v>543</v>
      </c>
      <c r="O61" s="79" t="s">
        <v>543</v>
      </c>
      <c r="P61" s="79" t="s">
        <v>543</v>
      </c>
      <c r="Q61" s="79" t="s">
        <v>543</v>
      </c>
      <c r="R61" s="79">
        <v>1</v>
      </c>
      <c r="S61" s="79">
        <v>1</v>
      </c>
      <c r="T61" s="79" t="s">
        <v>543</v>
      </c>
      <c r="U61" s="79">
        <v>1</v>
      </c>
      <c r="V61" s="79" t="s">
        <v>543</v>
      </c>
      <c r="W61" s="79" t="s">
        <v>543</v>
      </c>
      <c r="X61" s="79">
        <v>1</v>
      </c>
      <c r="Y61" s="79" t="s">
        <v>543</v>
      </c>
      <c r="Z61" s="79" t="s">
        <v>543</v>
      </c>
      <c r="AA61" s="79">
        <v>1</v>
      </c>
      <c r="AB61" s="79">
        <v>408</v>
      </c>
      <c r="AC61" s="79">
        <v>950438</v>
      </c>
      <c r="AD61" s="65"/>
    </row>
    <row r="62" spans="1:30" x14ac:dyDescent="0.25">
      <c r="A62" s="77"/>
      <c r="B62" s="78" t="s">
        <v>585</v>
      </c>
      <c r="C62" s="80">
        <v>2</v>
      </c>
      <c r="D62" s="79" t="s">
        <v>543</v>
      </c>
      <c r="E62" s="79" t="s">
        <v>543</v>
      </c>
      <c r="F62" s="79" t="s">
        <v>543</v>
      </c>
      <c r="G62" s="79" t="s">
        <v>543</v>
      </c>
      <c r="H62" s="79" t="s">
        <v>543</v>
      </c>
      <c r="I62" s="79" t="s">
        <v>543</v>
      </c>
      <c r="J62" s="79" t="s">
        <v>543</v>
      </c>
      <c r="K62" s="79">
        <v>1</v>
      </c>
      <c r="L62" s="79" t="s">
        <v>543</v>
      </c>
      <c r="M62" s="79" t="s">
        <v>543</v>
      </c>
      <c r="N62" s="79" t="s">
        <v>543</v>
      </c>
      <c r="O62" s="79" t="s">
        <v>543</v>
      </c>
      <c r="P62" s="79" t="s">
        <v>543</v>
      </c>
      <c r="Q62" s="79" t="s">
        <v>543</v>
      </c>
      <c r="R62" s="79" t="s">
        <v>543</v>
      </c>
      <c r="S62" s="79" t="s">
        <v>543</v>
      </c>
      <c r="T62" s="79">
        <v>1</v>
      </c>
      <c r="U62" s="79" t="s">
        <v>543</v>
      </c>
      <c r="V62" s="79" t="s">
        <v>543</v>
      </c>
      <c r="W62" s="79" t="s">
        <v>543</v>
      </c>
      <c r="X62" s="79" t="s">
        <v>543</v>
      </c>
      <c r="Y62" s="79" t="s">
        <v>543</v>
      </c>
      <c r="Z62" s="79" t="s">
        <v>543</v>
      </c>
      <c r="AA62" s="79" t="s">
        <v>543</v>
      </c>
      <c r="AB62" s="79">
        <v>291</v>
      </c>
      <c r="AC62" s="79" t="s">
        <v>287</v>
      </c>
      <c r="AD62" s="65"/>
    </row>
    <row r="63" spans="1:30" x14ac:dyDescent="0.25">
      <c r="A63" s="77"/>
      <c r="B63" s="78" t="s">
        <v>586</v>
      </c>
      <c r="C63" s="79">
        <v>2</v>
      </c>
      <c r="D63" s="79" t="s">
        <v>543</v>
      </c>
      <c r="E63" s="79" t="s">
        <v>543</v>
      </c>
      <c r="F63" s="79" t="s">
        <v>543</v>
      </c>
      <c r="G63" s="79" t="s">
        <v>543</v>
      </c>
      <c r="H63" s="79" t="s">
        <v>543</v>
      </c>
      <c r="I63" s="79" t="s">
        <v>543</v>
      </c>
      <c r="J63" s="79" t="s">
        <v>543</v>
      </c>
      <c r="K63" s="79">
        <v>1</v>
      </c>
      <c r="L63" s="79" t="s">
        <v>543</v>
      </c>
      <c r="M63" s="79" t="s">
        <v>543</v>
      </c>
      <c r="N63" s="79" t="s">
        <v>543</v>
      </c>
      <c r="O63" s="79" t="s">
        <v>543</v>
      </c>
      <c r="P63" s="79" t="s">
        <v>543</v>
      </c>
      <c r="Q63" s="79" t="s">
        <v>543</v>
      </c>
      <c r="R63" s="79" t="s">
        <v>543</v>
      </c>
      <c r="S63" s="79">
        <v>1</v>
      </c>
      <c r="T63" s="79" t="s">
        <v>543</v>
      </c>
      <c r="U63" s="79" t="s">
        <v>543</v>
      </c>
      <c r="V63" s="79" t="s">
        <v>543</v>
      </c>
      <c r="W63" s="79" t="s">
        <v>543</v>
      </c>
      <c r="X63" s="79" t="s">
        <v>543</v>
      </c>
      <c r="Y63" s="79" t="s">
        <v>543</v>
      </c>
      <c r="Z63" s="79" t="s">
        <v>543</v>
      </c>
      <c r="AA63" s="79" t="s">
        <v>543</v>
      </c>
      <c r="AB63" s="79">
        <v>45</v>
      </c>
      <c r="AC63" s="79" t="s">
        <v>287</v>
      </c>
      <c r="AD63" s="65"/>
    </row>
    <row r="64" spans="1:30" x14ac:dyDescent="0.25">
      <c r="A64" s="77"/>
      <c r="B64" s="78" t="s">
        <v>587</v>
      </c>
      <c r="C64" s="80">
        <v>12</v>
      </c>
      <c r="D64" s="79">
        <v>5</v>
      </c>
      <c r="E64" s="79" t="s">
        <v>543</v>
      </c>
      <c r="F64" s="79" t="s">
        <v>543</v>
      </c>
      <c r="G64" s="79" t="s">
        <v>543</v>
      </c>
      <c r="H64" s="79" t="s">
        <v>543</v>
      </c>
      <c r="I64" s="79">
        <v>1</v>
      </c>
      <c r="J64" s="79" t="s">
        <v>543</v>
      </c>
      <c r="K64" s="79">
        <v>2</v>
      </c>
      <c r="L64" s="79" t="s">
        <v>543</v>
      </c>
      <c r="M64" s="79" t="s">
        <v>543</v>
      </c>
      <c r="N64" s="79" t="s">
        <v>543</v>
      </c>
      <c r="O64" s="79" t="s">
        <v>543</v>
      </c>
      <c r="P64" s="79" t="s">
        <v>543</v>
      </c>
      <c r="Q64" s="79">
        <v>1</v>
      </c>
      <c r="R64" s="79" t="s">
        <v>543</v>
      </c>
      <c r="S64" s="79">
        <v>2</v>
      </c>
      <c r="T64" s="79" t="s">
        <v>543</v>
      </c>
      <c r="U64" s="79">
        <v>1</v>
      </c>
      <c r="V64" s="79" t="s">
        <v>543</v>
      </c>
      <c r="W64" s="79" t="s">
        <v>543</v>
      </c>
      <c r="X64" s="79" t="s">
        <v>543</v>
      </c>
      <c r="Y64" s="79" t="s">
        <v>543</v>
      </c>
      <c r="Z64" s="79" t="s">
        <v>543</v>
      </c>
      <c r="AA64" s="79" t="s">
        <v>543</v>
      </c>
      <c r="AB64" s="79">
        <v>677</v>
      </c>
      <c r="AC64" s="79">
        <v>4600771</v>
      </c>
      <c r="AD64" s="65"/>
    </row>
    <row r="65" spans="1:31" x14ac:dyDescent="0.25">
      <c r="A65" s="77"/>
      <c r="B65" s="78"/>
      <c r="C65" s="80"/>
      <c r="D65" s="79"/>
      <c r="E65" s="79"/>
      <c r="F65" s="79"/>
      <c r="G65" s="79"/>
      <c r="H65" s="79"/>
      <c r="I65" s="79"/>
      <c r="J65" s="79"/>
      <c r="K65" s="79"/>
      <c r="L65" s="79"/>
      <c r="M65" s="79"/>
      <c r="N65" s="79"/>
      <c r="O65" s="79"/>
      <c r="P65" s="79"/>
      <c r="Q65" s="79"/>
      <c r="R65" s="79"/>
      <c r="S65" s="79"/>
      <c r="T65" s="79"/>
      <c r="U65" s="79"/>
      <c r="V65" s="79"/>
      <c r="W65" s="79"/>
      <c r="X65" s="79"/>
      <c r="Y65" s="79"/>
      <c r="Z65" s="79"/>
      <c r="AA65" s="79"/>
      <c r="AB65" s="79"/>
      <c r="AC65" s="79"/>
      <c r="AD65" s="65"/>
    </row>
    <row r="66" spans="1:31" x14ac:dyDescent="0.25">
      <c r="A66" s="77"/>
      <c r="B66" s="78" t="s">
        <v>588</v>
      </c>
      <c r="C66" s="80">
        <v>3</v>
      </c>
      <c r="D66" s="79" t="s">
        <v>543</v>
      </c>
      <c r="E66" s="79" t="s">
        <v>543</v>
      </c>
      <c r="F66" s="79" t="s">
        <v>543</v>
      </c>
      <c r="G66" s="79" t="s">
        <v>543</v>
      </c>
      <c r="H66" s="79" t="s">
        <v>543</v>
      </c>
      <c r="I66" s="79" t="s">
        <v>543</v>
      </c>
      <c r="J66" s="79" t="s">
        <v>543</v>
      </c>
      <c r="K66" s="79" t="s">
        <v>543</v>
      </c>
      <c r="L66" s="79" t="s">
        <v>543</v>
      </c>
      <c r="M66" s="79">
        <v>1</v>
      </c>
      <c r="N66" s="79" t="s">
        <v>543</v>
      </c>
      <c r="O66" s="79" t="s">
        <v>543</v>
      </c>
      <c r="P66" s="79" t="s">
        <v>543</v>
      </c>
      <c r="Q66" s="79" t="s">
        <v>543</v>
      </c>
      <c r="R66" s="79">
        <v>1</v>
      </c>
      <c r="S66" s="79" t="s">
        <v>543</v>
      </c>
      <c r="T66" s="79" t="s">
        <v>543</v>
      </c>
      <c r="U66" s="79" t="s">
        <v>543</v>
      </c>
      <c r="V66" s="79" t="s">
        <v>543</v>
      </c>
      <c r="W66" s="79" t="s">
        <v>543</v>
      </c>
      <c r="X66" s="79">
        <v>1</v>
      </c>
      <c r="Y66" s="79" t="s">
        <v>543</v>
      </c>
      <c r="Z66" s="79" t="s">
        <v>543</v>
      </c>
      <c r="AA66" s="79" t="s">
        <v>543</v>
      </c>
      <c r="AB66" s="79">
        <v>344</v>
      </c>
      <c r="AC66" s="79">
        <v>1159617</v>
      </c>
      <c r="AD66" s="65"/>
    </row>
    <row r="67" spans="1:31" x14ac:dyDescent="0.25">
      <c r="A67" s="77"/>
      <c r="B67" s="78" t="s">
        <v>589</v>
      </c>
      <c r="C67" s="80">
        <v>44</v>
      </c>
      <c r="D67" s="79">
        <v>5</v>
      </c>
      <c r="E67" s="79" t="s">
        <v>543</v>
      </c>
      <c r="F67" s="79">
        <v>1</v>
      </c>
      <c r="G67" s="79" t="s">
        <v>543</v>
      </c>
      <c r="H67" s="79">
        <v>1</v>
      </c>
      <c r="I67" s="79">
        <v>2</v>
      </c>
      <c r="J67" s="79">
        <v>2</v>
      </c>
      <c r="K67" s="79">
        <v>2</v>
      </c>
      <c r="L67" s="79" t="s">
        <v>543</v>
      </c>
      <c r="M67" s="79">
        <v>1</v>
      </c>
      <c r="N67" s="79" t="s">
        <v>543</v>
      </c>
      <c r="O67" s="79" t="s">
        <v>543</v>
      </c>
      <c r="P67" s="79">
        <v>1</v>
      </c>
      <c r="Q67" s="79" t="s">
        <v>543</v>
      </c>
      <c r="R67" s="79" t="s">
        <v>543</v>
      </c>
      <c r="S67" s="79">
        <v>8</v>
      </c>
      <c r="T67" s="79">
        <v>5</v>
      </c>
      <c r="U67" s="79">
        <v>6</v>
      </c>
      <c r="V67" s="79">
        <v>2</v>
      </c>
      <c r="W67" s="79" t="s">
        <v>543</v>
      </c>
      <c r="X67" s="79">
        <v>4</v>
      </c>
      <c r="Y67" s="79" t="s">
        <v>543</v>
      </c>
      <c r="Z67" s="79">
        <v>4</v>
      </c>
      <c r="AA67" s="79" t="s">
        <v>543</v>
      </c>
      <c r="AB67" s="79">
        <v>2316</v>
      </c>
      <c r="AC67" s="79">
        <v>6668540</v>
      </c>
      <c r="AD67" s="65"/>
    </row>
    <row r="68" spans="1:31" x14ac:dyDescent="0.25">
      <c r="A68" s="77"/>
      <c r="B68" s="78" t="s">
        <v>590</v>
      </c>
      <c r="C68" s="80">
        <v>7</v>
      </c>
      <c r="D68" s="79" t="s">
        <v>543</v>
      </c>
      <c r="E68" s="79" t="s">
        <v>543</v>
      </c>
      <c r="F68" s="79" t="s">
        <v>543</v>
      </c>
      <c r="G68" s="79" t="s">
        <v>543</v>
      </c>
      <c r="H68" s="79" t="s">
        <v>543</v>
      </c>
      <c r="I68" s="79" t="s">
        <v>543</v>
      </c>
      <c r="J68" s="79" t="s">
        <v>543</v>
      </c>
      <c r="K68" s="79">
        <v>1</v>
      </c>
      <c r="L68" s="79" t="s">
        <v>543</v>
      </c>
      <c r="M68" s="79">
        <v>1</v>
      </c>
      <c r="N68" s="79" t="s">
        <v>543</v>
      </c>
      <c r="O68" s="79" t="s">
        <v>543</v>
      </c>
      <c r="P68" s="79" t="s">
        <v>543</v>
      </c>
      <c r="Q68" s="79" t="s">
        <v>543</v>
      </c>
      <c r="R68" s="79" t="s">
        <v>543</v>
      </c>
      <c r="S68" s="79">
        <v>1</v>
      </c>
      <c r="T68" s="79">
        <v>1</v>
      </c>
      <c r="U68" s="79" t="s">
        <v>543</v>
      </c>
      <c r="V68" s="79" t="s">
        <v>543</v>
      </c>
      <c r="W68" s="79">
        <v>3</v>
      </c>
      <c r="X68" s="79" t="s">
        <v>543</v>
      </c>
      <c r="Y68" s="79" t="s">
        <v>543</v>
      </c>
      <c r="Z68" s="79" t="s">
        <v>543</v>
      </c>
      <c r="AA68" s="79" t="s">
        <v>543</v>
      </c>
      <c r="AB68" s="79">
        <v>376</v>
      </c>
      <c r="AC68" s="79">
        <v>736397</v>
      </c>
      <c r="AD68" s="65"/>
    </row>
    <row r="69" spans="1:31" x14ac:dyDescent="0.25">
      <c r="A69" s="77"/>
      <c r="B69" s="78" t="s">
        <v>591</v>
      </c>
      <c r="C69" s="80">
        <v>12</v>
      </c>
      <c r="D69" s="79">
        <v>1</v>
      </c>
      <c r="E69" s="79" t="s">
        <v>543</v>
      </c>
      <c r="F69" s="79" t="s">
        <v>543</v>
      </c>
      <c r="G69" s="79" t="s">
        <v>543</v>
      </c>
      <c r="H69" s="79">
        <v>1</v>
      </c>
      <c r="I69" s="79" t="s">
        <v>543</v>
      </c>
      <c r="J69" s="79">
        <v>2</v>
      </c>
      <c r="K69" s="79" t="s">
        <v>543</v>
      </c>
      <c r="L69" s="79">
        <v>1</v>
      </c>
      <c r="M69" s="79" t="s">
        <v>543</v>
      </c>
      <c r="N69" s="79" t="s">
        <v>543</v>
      </c>
      <c r="O69" s="79" t="s">
        <v>543</v>
      </c>
      <c r="P69" s="79">
        <v>3</v>
      </c>
      <c r="Q69" s="79" t="s">
        <v>543</v>
      </c>
      <c r="R69" s="79" t="s">
        <v>543</v>
      </c>
      <c r="S69" s="79">
        <v>1</v>
      </c>
      <c r="T69" s="79" t="s">
        <v>543</v>
      </c>
      <c r="U69" s="79">
        <v>1</v>
      </c>
      <c r="V69" s="79" t="s">
        <v>543</v>
      </c>
      <c r="W69" s="79" t="s">
        <v>543</v>
      </c>
      <c r="X69" s="79">
        <v>1</v>
      </c>
      <c r="Y69" s="79" t="s">
        <v>543</v>
      </c>
      <c r="Z69" s="79" t="s">
        <v>543</v>
      </c>
      <c r="AA69" s="79">
        <v>1</v>
      </c>
      <c r="AB69" s="79">
        <v>104</v>
      </c>
      <c r="AC69" s="79">
        <v>258922</v>
      </c>
      <c r="AD69" s="65"/>
    </row>
    <row r="70" spans="1:31" x14ac:dyDescent="0.25">
      <c r="A70" s="77"/>
      <c r="B70" s="78" t="s">
        <v>592</v>
      </c>
      <c r="C70" s="80">
        <v>42</v>
      </c>
      <c r="D70" s="79">
        <v>2</v>
      </c>
      <c r="E70" s="79" t="s">
        <v>543</v>
      </c>
      <c r="F70" s="79">
        <v>1</v>
      </c>
      <c r="G70" s="79">
        <v>1</v>
      </c>
      <c r="H70" s="79">
        <v>1</v>
      </c>
      <c r="I70" s="79">
        <v>2</v>
      </c>
      <c r="J70" s="79">
        <v>2</v>
      </c>
      <c r="K70" s="79" t="s">
        <v>543</v>
      </c>
      <c r="L70" s="79" t="s">
        <v>543</v>
      </c>
      <c r="M70" s="79">
        <v>1</v>
      </c>
      <c r="N70" s="79" t="s">
        <v>543</v>
      </c>
      <c r="O70" s="79" t="s">
        <v>543</v>
      </c>
      <c r="P70" s="79">
        <v>1</v>
      </c>
      <c r="Q70" s="79">
        <v>3</v>
      </c>
      <c r="R70" s="79" t="s">
        <v>543</v>
      </c>
      <c r="S70" s="79">
        <v>10</v>
      </c>
      <c r="T70" s="79">
        <v>8</v>
      </c>
      <c r="U70" s="79">
        <v>5</v>
      </c>
      <c r="V70" s="79">
        <v>1</v>
      </c>
      <c r="W70" s="79" t="s">
        <v>543</v>
      </c>
      <c r="X70" s="79">
        <v>1</v>
      </c>
      <c r="Y70" s="79">
        <v>1</v>
      </c>
      <c r="Z70" s="79">
        <v>1</v>
      </c>
      <c r="AA70" s="79">
        <v>1</v>
      </c>
      <c r="AB70" s="79">
        <v>1594</v>
      </c>
      <c r="AC70" s="79">
        <v>4177206</v>
      </c>
      <c r="AD70" s="65"/>
    </row>
    <row r="71" spans="1:31" x14ac:dyDescent="0.25">
      <c r="A71" s="77"/>
      <c r="B71" s="81"/>
      <c r="C71" s="82"/>
      <c r="D71" s="79"/>
      <c r="E71" s="79"/>
      <c r="F71" s="79"/>
      <c r="G71" s="79"/>
      <c r="H71" s="79"/>
      <c r="I71" s="79"/>
      <c r="J71" s="79"/>
      <c r="K71" s="79"/>
      <c r="L71" s="79"/>
      <c r="M71" s="79"/>
      <c r="N71" s="79"/>
      <c r="O71" s="79"/>
      <c r="P71" s="79"/>
      <c r="Q71" s="79"/>
      <c r="R71" s="79"/>
      <c r="S71" s="79"/>
      <c r="T71" s="79"/>
      <c r="U71" s="79"/>
      <c r="V71" s="79"/>
      <c r="W71" s="79"/>
      <c r="X71" s="79"/>
      <c r="Y71" s="79"/>
      <c r="Z71" s="79"/>
      <c r="AA71" s="79"/>
      <c r="AB71" s="79"/>
      <c r="AC71" s="79"/>
      <c r="AD71" s="65"/>
    </row>
    <row r="72" spans="1:31" s="60" customFormat="1" x14ac:dyDescent="0.25">
      <c r="A72" s="125" t="s">
        <v>593</v>
      </c>
      <c r="B72" s="126"/>
      <c r="C72" s="63">
        <v>47</v>
      </c>
      <c r="D72" s="66">
        <v>4</v>
      </c>
      <c r="E72" s="64" t="s">
        <v>543</v>
      </c>
      <c r="F72" s="64">
        <v>1</v>
      </c>
      <c r="G72" s="64" t="s">
        <v>543</v>
      </c>
      <c r="H72" s="64">
        <v>3</v>
      </c>
      <c r="I72" s="64" t="s">
        <v>543</v>
      </c>
      <c r="J72" s="64">
        <v>1</v>
      </c>
      <c r="K72" s="64">
        <v>2</v>
      </c>
      <c r="L72" s="64" t="s">
        <v>543</v>
      </c>
      <c r="M72" s="64">
        <v>5</v>
      </c>
      <c r="N72" s="64" t="s">
        <v>543</v>
      </c>
      <c r="O72" s="64" t="s">
        <v>543</v>
      </c>
      <c r="P72" s="64">
        <v>5</v>
      </c>
      <c r="Q72" s="64" t="s">
        <v>543</v>
      </c>
      <c r="R72" s="64" t="s">
        <v>543</v>
      </c>
      <c r="S72" s="64">
        <v>5</v>
      </c>
      <c r="T72" s="64">
        <v>2</v>
      </c>
      <c r="U72" s="64">
        <v>9</v>
      </c>
      <c r="V72" s="64" t="s">
        <v>543</v>
      </c>
      <c r="W72" s="64">
        <v>6</v>
      </c>
      <c r="X72" s="64">
        <v>1</v>
      </c>
      <c r="Y72" s="64" t="s">
        <v>543</v>
      </c>
      <c r="Z72" s="64">
        <v>3</v>
      </c>
      <c r="AA72" s="64" t="s">
        <v>543</v>
      </c>
      <c r="AB72" s="66">
        <v>2623</v>
      </c>
      <c r="AC72" s="66">
        <v>6564269</v>
      </c>
      <c r="AD72" s="65"/>
      <c r="AE72" s="54"/>
    </row>
    <row r="73" spans="1:31" x14ac:dyDescent="0.25">
      <c r="A73" s="77"/>
      <c r="B73" s="78" t="s">
        <v>594</v>
      </c>
      <c r="C73" s="79" t="s">
        <v>543</v>
      </c>
      <c r="D73" s="79" t="s">
        <v>543</v>
      </c>
      <c r="E73" s="79" t="s">
        <v>543</v>
      </c>
      <c r="F73" s="79" t="s">
        <v>543</v>
      </c>
      <c r="G73" s="79" t="s">
        <v>543</v>
      </c>
      <c r="H73" s="79" t="s">
        <v>543</v>
      </c>
      <c r="I73" s="79" t="s">
        <v>543</v>
      </c>
      <c r="J73" s="79" t="s">
        <v>543</v>
      </c>
      <c r="K73" s="79" t="s">
        <v>543</v>
      </c>
      <c r="L73" s="79" t="s">
        <v>543</v>
      </c>
      <c r="M73" s="79" t="s">
        <v>543</v>
      </c>
      <c r="N73" s="79" t="s">
        <v>543</v>
      </c>
      <c r="O73" s="79" t="s">
        <v>543</v>
      </c>
      <c r="P73" s="79" t="s">
        <v>543</v>
      </c>
      <c r="Q73" s="79" t="s">
        <v>543</v>
      </c>
      <c r="R73" s="79" t="s">
        <v>543</v>
      </c>
      <c r="S73" s="79" t="s">
        <v>543</v>
      </c>
      <c r="T73" s="79" t="s">
        <v>543</v>
      </c>
      <c r="U73" s="79" t="s">
        <v>543</v>
      </c>
      <c r="V73" s="79" t="s">
        <v>543</v>
      </c>
      <c r="W73" s="79" t="s">
        <v>543</v>
      </c>
      <c r="X73" s="79" t="s">
        <v>543</v>
      </c>
      <c r="Y73" s="79" t="s">
        <v>543</v>
      </c>
      <c r="Z73" s="79" t="s">
        <v>543</v>
      </c>
      <c r="AA73" s="79" t="s">
        <v>543</v>
      </c>
      <c r="AB73" s="79" t="s">
        <v>543</v>
      </c>
      <c r="AC73" s="79" t="s">
        <v>543</v>
      </c>
      <c r="AD73" s="65"/>
    </row>
    <row r="74" spans="1:31" x14ac:dyDescent="0.25">
      <c r="A74" s="77"/>
      <c r="B74" s="78" t="s">
        <v>595</v>
      </c>
      <c r="C74" s="79" t="s">
        <v>543</v>
      </c>
      <c r="D74" s="79" t="s">
        <v>543</v>
      </c>
      <c r="E74" s="79" t="s">
        <v>543</v>
      </c>
      <c r="F74" s="79" t="s">
        <v>543</v>
      </c>
      <c r="G74" s="79" t="s">
        <v>543</v>
      </c>
      <c r="H74" s="79" t="s">
        <v>543</v>
      </c>
      <c r="I74" s="79" t="s">
        <v>543</v>
      </c>
      <c r="J74" s="79" t="s">
        <v>543</v>
      </c>
      <c r="K74" s="79" t="s">
        <v>543</v>
      </c>
      <c r="L74" s="79" t="s">
        <v>543</v>
      </c>
      <c r="M74" s="79" t="s">
        <v>543</v>
      </c>
      <c r="N74" s="79" t="s">
        <v>543</v>
      </c>
      <c r="O74" s="79" t="s">
        <v>543</v>
      </c>
      <c r="P74" s="79" t="s">
        <v>543</v>
      </c>
      <c r="Q74" s="79" t="s">
        <v>543</v>
      </c>
      <c r="R74" s="79" t="s">
        <v>543</v>
      </c>
      <c r="S74" s="79" t="s">
        <v>543</v>
      </c>
      <c r="T74" s="79" t="s">
        <v>543</v>
      </c>
      <c r="U74" s="79" t="s">
        <v>543</v>
      </c>
      <c r="V74" s="79" t="s">
        <v>543</v>
      </c>
      <c r="W74" s="79" t="s">
        <v>543</v>
      </c>
      <c r="X74" s="79" t="s">
        <v>543</v>
      </c>
      <c r="Y74" s="79" t="s">
        <v>543</v>
      </c>
      <c r="Z74" s="79" t="s">
        <v>543</v>
      </c>
      <c r="AA74" s="79" t="s">
        <v>543</v>
      </c>
      <c r="AB74" s="79" t="s">
        <v>543</v>
      </c>
      <c r="AC74" s="79" t="s">
        <v>543</v>
      </c>
      <c r="AD74" s="65"/>
    </row>
    <row r="75" spans="1:31" x14ac:dyDescent="0.25">
      <c r="A75" s="77"/>
      <c r="B75" s="78" t="s">
        <v>596</v>
      </c>
      <c r="C75" s="83">
        <v>7</v>
      </c>
      <c r="D75" s="79" t="s">
        <v>543</v>
      </c>
      <c r="E75" s="79" t="s">
        <v>543</v>
      </c>
      <c r="F75" s="79" t="s">
        <v>543</v>
      </c>
      <c r="G75" s="79" t="s">
        <v>543</v>
      </c>
      <c r="H75" s="79" t="s">
        <v>543</v>
      </c>
      <c r="I75" s="79" t="s">
        <v>543</v>
      </c>
      <c r="J75" s="79">
        <v>1</v>
      </c>
      <c r="K75" s="79" t="s">
        <v>543</v>
      </c>
      <c r="L75" s="79" t="s">
        <v>543</v>
      </c>
      <c r="M75" s="79">
        <v>1</v>
      </c>
      <c r="N75" s="79" t="s">
        <v>543</v>
      </c>
      <c r="O75" s="79" t="s">
        <v>543</v>
      </c>
      <c r="P75" s="79" t="s">
        <v>543</v>
      </c>
      <c r="Q75" s="79" t="s">
        <v>543</v>
      </c>
      <c r="R75" s="79" t="s">
        <v>543</v>
      </c>
      <c r="S75" s="79">
        <v>1</v>
      </c>
      <c r="T75" s="79" t="s">
        <v>543</v>
      </c>
      <c r="U75" s="79">
        <v>1</v>
      </c>
      <c r="V75" s="79" t="s">
        <v>543</v>
      </c>
      <c r="W75" s="79" t="s">
        <v>543</v>
      </c>
      <c r="X75" s="79">
        <v>1</v>
      </c>
      <c r="Y75" s="79" t="s">
        <v>543</v>
      </c>
      <c r="Z75" s="79">
        <v>2</v>
      </c>
      <c r="AA75" s="79" t="s">
        <v>543</v>
      </c>
      <c r="AB75" s="79">
        <v>306</v>
      </c>
      <c r="AC75" s="79">
        <v>714219</v>
      </c>
      <c r="AD75" s="65"/>
    </row>
    <row r="76" spans="1:31" x14ac:dyDescent="0.25">
      <c r="A76" s="77"/>
      <c r="B76" s="78" t="s">
        <v>597</v>
      </c>
      <c r="C76" s="83">
        <v>18</v>
      </c>
      <c r="D76" s="79" t="s">
        <v>543</v>
      </c>
      <c r="E76" s="79" t="s">
        <v>543</v>
      </c>
      <c r="F76" s="79">
        <v>1</v>
      </c>
      <c r="G76" s="79" t="s">
        <v>543</v>
      </c>
      <c r="H76" s="79">
        <v>1</v>
      </c>
      <c r="I76" s="79" t="s">
        <v>543</v>
      </c>
      <c r="J76" s="79" t="s">
        <v>543</v>
      </c>
      <c r="K76" s="79">
        <v>1</v>
      </c>
      <c r="L76" s="79" t="s">
        <v>543</v>
      </c>
      <c r="M76" s="79" t="s">
        <v>543</v>
      </c>
      <c r="N76" s="79" t="s">
        <v>543</v>
      </c>
      <c r="O76" s="79" t="s">
        <v>543</v>
      </c>
      <c r="P76" s="79">
        <v>3</v>
      </c>
      <c r="Q76" s="79" t="s">
        <v>543</v>
      </c>
      <c r="R76" s="79" t="s">
        <v>543</v>
      </c>
      <c r="S76" s="79">
        <v>2</v>
      </c>
      <c r="T76" s="79">
        <v>2</v>
      </c>
      <c r="U76" s="79">
        <v>4</v>
      </c>
      <c r="V76" s="79" t="s">
        <v>543</v>
      </c>
      <c r="W76" s="79">
        <v>3</v>
      </c>
      <c r="X76" s="79" t="s">
        <v>543</v>
      </c>
      <c r="Y76" s="79" t="s">
        <v>543</v>
      </c>
      <c r="Z76" s="79">
        <v>1</v>
      </c>
      <c r="AA76" s="79" t="s">
        <v>543</v>
      </c>
      <c r="AB76" s="79">
        <v>676</v>
      </c>
      <c r="AC76" s="79">
        <v>1809022</v>
      </c>
      <c r="AD76" s="65"/>
    </row>
    <row r="77" spans="1:31" x14ac:dyDescent="0.25">
      <c r="A77" s="77"/>
      <c r="B77" s="78" t="s">
        <v>598</v>
      </c>
      <c r="C77" s="83">
        <v>22</v>
      </c>
      <c r="D77" s="79">
        <v>4</v>
      </c>
      <c r="E77" s="79" t="s">
        <v>543</v>
      </c>
      <c r="F77" s="79" t="s">
        <v>543</v>
      </c>
      <c r="G77" s="79" t="s">
        <v>543</v>
      </c>
      <c r="H77" s="79">
        <v>2</v>
      </c>
      <c r="I77" s="79" t="s">
        <v>543</v>
      </c>
      <c r="J77" s="79" t="s">
        <v>543</v>
      </c>
      <c r="K77" s="79">
        <v>1</v>
      </c>
      <c r="L77" s="79" t="s">
        <v>543</v>
      </c>
      <c r="M77" s="79">
        <v>4</v>
      </c>
      <c r="N77" s="79" t="s">
        <v>543</v>
      </c>
      <c r="O77" s="79" t="s">
        <v>543</v>
      </c>
      <c r="P77" s="79">
        <v>2</v>
      </c>
      <c r="Q77" s="79" t="s">
        <v>543</v>
      </c>
      <c r="R77" s="79" t="s">
        <v>543</v>
      </c>
      <c r="S77" s="79">
        <v>2</v>
      </c>
      <c r="T77" s="79" t="s">
        <v>543</v>
      </c>
      <c r="U77" s="79">
        <v>4</v>
      </c>
      <c r="V77" s="79" t="s">
        <v>543</v>
      </c>
      <c r="W77" s="79">
        <v>3</v>
      </c>
      <c r="X77" s="79" t="s">
        <v>543</v>
      </c>
      <c r="Y77" s="79" t="s">
        <v>543</v>
      </c>
      <c r="Z77" s="79" t="s">
        <v>543</v>
      </c>
      <c r="AA77" s="79" t="s">
        <v>543</v>
      </c>
      <c r="AB77" s="79">
        <v>1641</v>
      </c>
      <c r="AC77" s="79">
        <v>4041028</v>
      </c>
      <c r="AD77" s="65"/>
    </row>
    <row r="78" spans="1:31" x14ac:dyDescent="0.25">
      <c r="A78" s="77"/>
      <c r="B78" s="81"/>
      <c r="C78" s="83"/>
      <c r="D78" s="79"/>
      <c r="E78" s="79"/>
      <c r="F78" s="79"/>
      <c r="G78" s="79"/>
      <c r="H78" s="79"/>
      <c r="I78" s="79"/>
      <c r="J78" s="79"/>
      <c r="K78" s="79"/>
      <c r="L78" s="79"/>
      <c r="M78" s="79"/>
      <c r="N78" s="79"/>
      <c r="O78" s="79"/>
      <c r="P78" s="79"/>
      <c r="Q78" s="79"/>
      <c r="R78" s="79"/>
      <c r="S78" s="79"/>
      <c r="T78" s="79"/>
      <c r="U78" s="79"/>
      <c r="V78" s="79"/>
      <c r="W78" s="79"/>
      <c r="X78" s="79"/>
      <c r="Y78" s="79"/>
      <c r="Z78" s="79"/>
      <c r="AA78" s="79"/>
      <c r="AB78" s="79"/>
      <c r="AC78" s="79"/>
      <c r="AD78" s="65"/>
    </row>
    <row r="79" spans="1:31" s="60" customFormat="1" x14ac:dyDescent="0.25">
      <c r="A79" s="125" t="s">
        <v>599</v>
      </c>
      <c r="B79" s="126"/>
      <c r="C79" s="63">
        <v>21</v>
      </c>
      <c r="D79" s="66">
        <v>2</v>
      </c>
      <c r="E79" s="64" t="s">
        <v>543</v>
      </c>
      <c r="F79" s="64" t="s">
        <v>543</v>
      </c>
      <c r="G79" s="64" t="s">
        <v>543</v>
      </c>
      <c r="H79" s="64" t="s">
        <v>543</v>
      </c>
      <c r="I79" s="64" t="s">
        <v>543</v>
      </c>
      <c r="J79" s="64" t="s">
        <v>543</v>
      </c>
      <c r="K79" s="64" t="s">
        <v>543</v>
      </c>
      <c r="L79" s="64" t="s">
        <v>543</v>
      </c>
      <c r="M79" s="64" t="s">
        <v>543</v>
      </c>
      <c r="N79" s="64" t="s">
        <v>543</v>
      </c>
      <c r="O79" s="64" t="s">
        <v>543</v>
      </c>
      <c r="P79" s="64">
        <v>1</v>
      </c>
      <c r="Q79" s="64" t="s">
        <v>543</v>
      </c>
      <c r="R79" s="64" t="s">
        <v>543</v>
      </c>
      <c r="S79" s="64">
        <v>2</v>
      </c>
      <c r="T79" s="64">
        <v>1</v>
      </c>
      <c r="U79" s="64">
        <v>9</v>
      </c>
      <c r="V79" s="64" t="s">
        <v>543</v>
      </c>
      <c r="W79" s="64">
        <v>3</v>
      </c>
      <c r="X79" s="64">
        <v>1</v>
      </c>
      <c r="Y79" s="64">
        <v>1</v>
      </c>
      <c r="Z79" s="64">
        <v>1</v>
      </c>
      <c r="AA79" s="64" t="s">
        <v>543</v>
      </c>
      <c r="AB79" s="66">
        <v>1230</v>
      </c>
      <c r="AC79" s="66" t="s">
        <v>287</v>
      </c>
      <c r="AD79" s="65"/>
      <c r="AE79" s="54"/>
    </row>
    <row r="80" spans="1:31" x14ac:dyDescent="0.25">
      <c r="A80" s="77"/>
      <c r="B80" s="78" t="s">
        <v>600</v>
      </c>
      <c r="C80" s="83">
        <v>2</v>
      </c>
      <c r="D80" s="79" t="s">
        <v>543</v>
      </c>
      <c r="E80" s="79" t="s">
        <v>543</v>
      </c>
      <c r="F80" s="79" t="s">
        <v>543</v>
      </c>
      <c r="G80" s="79" t="s">
        <v>543</v>
      </c>
      <c r="H80" s="79" t="s">
        <v>543</v>
      </c>
      <c r="I80" s="79" t="s">
        <v>543</v>
      </c>
      <c r="J80" s="79" t="s">
        <v>543</v>
      </c>
      <c r="K80" s="79" t="s">
        <v>543</v>
      </c>
      <c r="L80" s="79" t="s">
        <v>543</v>
      </c>
      <c r="M80" s="79" t="s">
        <v>543</v>
      </c>
      <c r="N80" s="79" t="s">
        <v>543</v>
      </c>
      <c r="O80" s="79" t="s">
        <v>543</v>
      </c>
      <c r="P80" s="79">
        <v>1</v>
      </c>
      <c r="Q80" s="79" t="s">
        <v>543</v>
      </c>
      <c r="R80" s="79" t="s">
        <v>543</v>
      </c>
      <c r="S80" s="79" t="s">
        <v>543</v>
      </c>
      <c r="T80" s="79" t="s">
        <v>543</v>
      </c>
      <c r="U80" s="79" t="s">
        <v>543</v>
      </c>
      <c r="V80" s="79" t="s">
        <v>543</v>
      </c>
      <c r="W80" s="79" t="s">
        <v>543</v>
      </c>
      <c r="X80" s="79">
        <v>1</v>
      </c>
      <c r="Y80" s="79" t="s">
        <v>543</v>
      </c>
      <c r="Z80" s="79" t="s">
        <v>543</v>
      </c>
      <c r="AA80" s="79" t="s">
        <v>543</v>
      </c>
      <c r="AB80" s="79">
        <v>16</v>
      </c>
      <c r="AC80" s="79" t="s">
        <v>287</v>
      </c>
      <c r="AD80" s="65"/>
    </row>
    <row r="81" spans="1:31" x14ac:dyDescent="0.25">
      <c r="A81" s="77"/>
      <c r="B81" s="78" t="s">
        <v>601</v>
      </c>
      <c r="C81" s="79">
        <v>1</v>
      </c>
      <c r="D81" s="79" t="s">
        <v>543</v>
      </c>
      <c r="E81" s="79" t="s">
        <v>543</v>
      </c>
      <c r="F81" s="79" t="s">
        <v>543</v>
      </c>
      <c r="G81" s="79" t="s">
        <v>543</v>
      </c>
      <c r="H81" s="79" t="s">
        <v>543</v>
      </c>
      <c r="I81" s="79" t="s">
        <v>543</v>
      </c>
      <c r="J81" s="79" t="s">
        <v>543</v>
      </c>
      <c r="K81" s="79" t="s">
        <v>543</v>
      </c>
      <c r="L81" s="79" t="s">
        <v>543</v>
      </c>
      <c r="M81" s="79" t="s">
        <v>543</v>
      </c>
      <c r="N81" s="79" t="s">
        <v>543</v>
      </c>
      <c r="O81" s="79" t="s">
        <v>543</v>
      </c>
      <c r="P81" s="79" t="s">
        <v>543</v>
      </c>
      <c r="Q81" s="79" t="s">
        <v>543</v>
      </c>
      <c r="R81" s="79" t="s">
        <v>543</v>
      </c>
      <c r="S81" s="79">
        <v>1</v>
      </c>
      <c r="T81" s="79" t="s">
        <v>543</v>
      </c>
      <c r="U81" s="79" t="s">
        <v>543</v>
      </c>
      <c r="V81" s="79" t="s">
        <v>543</v>
      </c>
      <c r="W81" s="79" t="s">
        <v>543</v>
      </c>
      <c r="X81" s="79" t="s">
        <v>543</v>
      </c>
      <c r="Y81" s="79" t="s">
        <v>543</v>
      </c>
      <c r="Z81" s="79" t="s">
        <v>543</v>
      </c>
      <c r="AA81" s="79" t="s">
        <v>543</v>
      </c>
      <c r="AB81" s="79">
        <v>20</v>
      </c>
      <c r="AC81" s="79" t="s">
        <v>287</v>
      </c>
      <c r="AD81" s="65"/>
    </row>
    <row r="82" spans="1:31" x14ac:dyDescent="0.25">
      <c r="A82" s="77"/>
      <c r="B82" s="78" t="s">
        <v>602</v>
      </c>
      <c r="C82" s="83">
        <v>18</v>
      </c>
      <c r="D82" s="79">
        <v>2</v>
      </c>
      <c r="E82" s="79" t="s">
        <v>543</v>
      </c>
      <c r="F82" s="79" t="s">
        <v>543</v>
      </c>
      <c r="G82" s="79" t="s">
        <v>543</v>
      </c>
      <c r="H82" s="79" t="s">
        <v>543</v>
      </c>
      <c r="I82" s="79" t="s">
        <v>543</v>
      </c>
      <c r="J82" s="79" t="s">
        <v>543</v>
      </c>
      <c r="K82" s="79" t="s">
        <v>543</v>
      </c>
      <c r="L82" s="79" t="s">
        <v>543</v>
      </c>
      <c r="M82" s="79" t="s">
        <v>543</v>
      </c>
      <c r="N82" s="79" t="s">
        <v>543</v>
      </c>
      <c r="O82" s="79" t="s">
        <v>543</v>
      </c>
      <c r="P82" s="79" t="s">
        <v>543</v>
      </c>
      <c r="Q82" s="79" t="s">
        <v>543</v>
      </c>
      <c r="R82" s="79" t="s">
        <v>543</v>
      </c>
      <c r="S82" s="79">
        <v>1</v>
      </c>
      <c r="T82" s="79">
        <v>1</v>
      </c>
      <c r="U82" s="79">
        <v>9</v>
      </c>
      <c r="V82" s="79" t="s">
        <v>543</v>
      </c>
      <c r="W82" s="79">
        <v>3</v>
      </c>
      <c r="X82" s="79" t="s">
        <v>543</v>
      </c>
      <c r="Y82" s="79">
        <v>1</v>
      </c>
      <c r="Z82" s="79">
        <v>1</v>
      </c>
      <c r="AA82" s="79" t="s">
        <v>543</v>
      </c>
      <c r="AB82" s="79">
        <v>1194</v>
      </c>
      <c r="AC82" s="79">
        <v>3952233</v>
      </c>
      <c r="AD82" s="65"/>
    </row>
    <row r="83" spans="1:31" x14ac:dyDescent="0.25">
      <c r="A83" s="77"/>
      <c r="B83" s="78" t="s">
        <v>603</v>
      </c>
      <c r="C83" s="79" t="s">
        <v>543</v>
      </c>
      <c r="D83" s="79" t="s">
        <v>543</v>
      </c>
      <c r="E83" s="79" t="s">
        <v>543</v>
      </c>
      <c r="F83" s="79" t="s">
        <v>543</v>
      </c>
      <c r="G83" s="79" t="s">
        <v>543</v>
      </c>
      <c r="H83" s="79" t="s">
        <v>543</v>
      </c>
      <c r="I83" s="79" t="s">
        <v>543</v>
      </c>
      <c r="J83" s="79" t="s">
        <v>543</v>
      </c>
      <c r="K83" s="79" t="s">
        <v>543</v>
      </c>
      <c r="L83" s="79" t="s">
        <v>543</v>
      </c>
      <c r="M83" s="79" t="s">
        <v>543</v>
      </c>
      <c r="N83" s="79" t="s">
        <v>543</v>
      </c>
      <c r="O83" s="79" t="s">
        <v>543</v>
      </c>
      <c r="P83" s="79" t="s">
        <v>543</v>
      </c>
      <c r="Q83" s="79" t="s">
        <v>543</v>
      </c>
      <c r="R83" s="79" t="s">
        <v>543</v>
      </c>
      <c r="S83" s="79" t="s">
        <v>543</v>
      </c>
      <c r="T83" s="79" t="s">
        <v>543</v>
      </c>
      <c r="U83" s="79" t="s">
        <v>543</v>
      </c>
      <c r="V83" s="79" t="s">
        <v>543</v>
      </c>
      <c r="W83" s="79" t="s">
        <v>543</v>
      </c>
      <c r="X83" s="79" t="s">
        <v>543</v>
      </c>
      <c r="Y83" s="79" t="s">
        <v>543</v>
      </c>
      <c r="Z83" s="79" t="s">
        <v>543</v>
      </c>
      <c r="AA83" s="79" t="s">
        <v>543</v>
      </c>
      <c r="AB83" s="79" t="s">
        <v>543</v>
      </c>
      <c r="AC83" s="79" t="s">
        <v>543</v>
      </c>
      <c r="AD83" s="65"/>
    </row>
    <row r="84" spans="1:31" x14ac:dyDescent="0.25">
      <c r="A84" s="77"/>
      <c r="B84" s="81"/>
      <c r="C84" s="83"/>
      <c r="D84" s="79"/>
      <c r="E84" s="79"/>
      <c r="F84" s="79"/>
      <c r="G84" s="79"/>
      <c r="H84" s="79"/>
      <c r="I84" s="79"/>
      <c r="J84" s="79"/>
      <c r="K84" s="79"/>
      <c r="L84" s="79"/>
      <c r="M84" s="79"/>
      <c r="N84" s="79"/>
      <c r="O84" s="79"/>
      <c r="P84" s="79"/>
      <c r="Q84" s="79"/>
      <c r="R84" s="79"/>
      <c r="S84" s="79"/>
      <c r="T84" s="79"/>
      <c r="U84" s="79"/>
      <c r="V84" s="79"/>
      <c r="W84" s="79"/>
      <c r="X84" s="79"/>
      <c r="Y84" s="79"/>
      <c r="Z84" s="79"/>
      <c r="AA84" s="79"/>
      <c r="AB84" s="79"/>
      <c r="AC84" s="79"/>
      <c r="AD84" s="65"/>
    </row>
    <row r="85" spans="1:31" s="60" customFormat="1" x14ac:dyDescent="0.25">
      <c r="A85" s="125" t="s">
        <v>604</v>
      </c>
      <c r="B85" s="126"/>
      <c r="C85" s="63">
        <v>70</v>
      </c>
      <c r="D85" s="66">
        <v>6</v>
      </c>
      <c r="E85" s="64">
        <v>2</v>
      </c>
      <c r="F85" s="64" t="s">
        <v>543</v>
      </c>
      <c r="G85" s="64">
        <v>2</v>
      </c>
      <c r="H85" s="64" t="s">
        <v>543</v>
      </c>
      <c r="I85" s="64">
        <v>1</v>
      </c>
      <c r="J85" s="64">
        <v>1</v>
      </c>
      <c r="K85" s="64">
        <v>6</v>
      </c>
      <c r="L85" s="64">
        <v>1</v>
      </c>
      <c r="M85" s="64">
        <v>3</v>
      </c>
      <c r="N85" s="64" t="s">
        <v>543</v>
      </c>
      <c r="O85" s="64" t="s">
        <v>543</v>
      </c>
      <c r="P85" s="64">
        <v>2</v>
      </c>
      <c r="Q85" s="64" t="s">
        <v>543</v>
      </c>
      <c r="R85" s="64" t="s">
        <v>543</v>
      </c>
      <c r="S85" s="64">
        <v>11</v>
      </c>
      <c r="T85" s="64">
        <v>6</v>
      </c>
      <c r="U85" s="64">
        <v>12</v>
      </c>
      <c r="V85" s="64" t="s">
        <v>543</v>
      </c>
      <c r="W85" s="64">
        <v>9</v>
      </c>
      <c r="X85" s="64">
        <v>6</v>
      </c>
      <c r="Y85" s="64" t="s">
        <v>543</v>
      </c>
      <c r="Z85" s="64">
        <v>1</v>
      </c>
      <c r="AA85" s="64">
        <v>1</v>
      </c>
      <c r="AB85" s="66">
        <v>4420</v>
      </c>
      <c r="AC85" s="66">
        <v>22842550</v>
      </c>
      <c r="AD85" s="65"/>
      <c r="AE85" s="54"/>
    </row>
    <row r="86" spans="1:31" x14ac:dyDescent="0.25">
      <c r="A86" s="77"/>
      <c r="B86" s="78" t="s">
        <v>605</v>
      </c>
      <c r="C86" s="83">
        <v>4</v>
      </c>
      <c r="D86" s="79" t="s">
        <v>543</v>
      </c>
      <c r="E86" s="79">
        <v>2</v>
      </c>
      <c r="F86" s="79" t="s">
        <v>543</v>
      </c>
      <c r="G86" s="79" t="s">
        <v>543</v>
      </c>
      <c r="H86" s="79" t="s">
        <v>543</v>
      </c>
      <c r="I86" s="79">
        <v>1</v>
      </c>
      <c r="J86" s="79" t="s">
        <v>543</v>
      </c>
      <c r="K86" s="79" t="s">
        <v>543</v>
      </c>
      <c r="L86" s="79" t="s">
        <v>543</v>
      </c>
      <c r="M86" s="79" t="s">
        <v>543</v>
      </c>
      <c r="N86" s="79" t="s">
        <v>543</v>
      </c>
      <c r="O86" s="79" t="s">
        <v>543</v>
      </c>
      <c r="P86" s="79">
        <v>1</v>
      </c>
      <c r="Q86" s="79" t="s">
        <v>543</v>
      </c>
      <c r="R86" s="79" t="s">
        <v>543</v>
      </c>
      <c r="S86" s="79" t="s">
        <v>543</v>
      </c>
      <c r="T86" s="79" t="s">
        <v>543</v>
      </c>
      <c r="U86" s="79" t="s">
        <v>543</v>
      </c>
      <c r="V86" s="79" t="s">
        <v>543</v>
      </c>
      <c r="W86" s="79" t="s">
        <v>543</v>
      </c>
      <c r="X86" s="79" t="s">
        <v>543</v>
      </c>
      <c r="Y86" s="79" t="s">
        <v>543</v>
      </c>
      <c r="Z86" s="79" t="s">
        <v>543</v>
      </c>
      <c r="AA86" s="79" t="s">
        <v>543</v>
      </c>
      <c r="AB86" s="79">
        <v>58</v>
      </c>
      <c r="AC86" s="79">
        <v>76150</v>
      </c>
      <c r="AD86" s="65"/>
    </row>
    <row r="87" spans="1:31" x14ac:dyDescent="0.25">
      <c r="A87" s="77"/>
      <c r="B87" s="78" t="s">
        <v>606</v>
      </c>
      <c r="C87" s="83">
        <v>50</v>
      </c>
      <c r="D87" s="79">
        <v>5</v>
      </c>
      <c r="E87" s="79" t="s">
        <v>543</v>
      </c>
      <c r="F87" s="79" t="s">
        <v>543</v>
      </c>
      <c r="G87" s="79">
        <v>1</v>
      </c>
      <c r="H87" s="79" t="s">
        <v>543</v>
      </c>
      <c r="I87" s="79" t="s">
        <v>543</v>
      </c>
      <c r="J87" s="79">
        <v>1</v>
      </c>
      <c r="K87" s="79">
        <v>6</v>
      </c>
      <c r="L87" s="79">
        <v>1</v>
      </c>
      <c r="M87" s="79">
        <v>2</v>
      </c>
      <c r="N87" s="79" t="s">
        <v>543</v>
      </c>
      <c r="O87" s="79" t="s">
        <v>543</v>
      </c>
      <c r="P87" s="79">
        <v>1</v>
      </c>
      <c r="Q87" s="79" t="s">
        <v>543</v>
      </c>
      <c r="R87" s="79" t="s">
        <v>543</v>
      </c>
      <c r="S87" s="79">
        <v>9</v>
      </c>
      <c r="T87" s="79">
        <v>3</v>
      </c>
      <c r="U87" s="79">
        <v>8</v>
      </c>
      <c r="V87" s="79" t="s">
        <v>543</v>
      </c>
      <c r="W87" s="79">
        <v>8</v>
      </c>
      <c r="X87" s="79">
        <v>4</v>
      </c>
      <c r="Y87" s="79" t="s">
        <v>543</v>
      </c>
      <c r="Z87" s="79">
        <v>1</v>
      </c>
      <c r="AA87" s="79" t="s">
        <v>543</v>
      </c>
      <c r="AB87" s="79">
        <v>4168</v>
      </c>
      <c r="AC87" s="79">
        <v>22610493</v>
      </c>
      <c r="AD87" s="65"/>
    </row>
    <row r="88" spans="1:31" x14ac:dyDescent="0.25">
      <c r="A88" s="77"/>
      <c r="B88" s="78" t="s">
        <v>607</v>
      </c>
      <c r="C88" s="83">
        <v>13</v>
      </c>
      <c r="D88" s="79" t="s">
        <v>543</v>
      </c>
      <c r="E88" s="79" t="s">
        <v>543</v>
      </c>
      <c r="F88" s="79" t="s">
        <v>543</v>
      </c>
      <c r="G88" s="79">
        <v>1</v>
      </c>
      <c r="H88" s="79" t="s">
        <v>543</v>
      </c>
      <c r="I88" s="79" t="s">
        <v>543</v>
      </c>
      <c r="J88" s="79" t="s">
        <v>543</v>
      </c>
      <c r="K88" s="79" t="s">
        <v>543</v>
      </c>
      <c r="L88" s="79" t="s">
        <v>543</v>
      </c>
      <c r="M88" s="79">
        <v>1</v>
      </c>
      <c r="N88" s="79" t="s">
        <v>543</v>
      </c>
      <c r="O88" s="79" t="s">
        <v>543</v>
      </c>
      <c r="P88" s="79" t="s">
        <v>543</v>
      </c>
      <c r="Q88" s="79" t="s">
        <v>543</v>
      </c>
      <c r="R88" s="79" t="s">
        <v>543</v>
      </c>
      <c r="S88" s="79">
        <v>1</v>
      </c>
      <c r="T88" s="79">
        <v>2</v>
      </c>
      <c r="U88" s="79">
        <v>4</v>
      </c>
      <c r="V88" s="79" t="s">
        <v>543</v>
      </c>
      <c r="W88" s="79">
        <v>1</v>
      </c>
      <c r="X88" s="79">
        <v>2</v>
      </c>
      <c r="Y88" s="79" t="s">
        <v>543</v>
      </c>
      <c r="Z88" s="79" t="s">
        <v>543</v>
      </c>
      <c r="AA88" s="79">
        <v>1</v>
      </c>
      <c r="AB88" s="79">
        <v>167</v>
      </c>
      <c r="AC88" s="79">
        <v>139876</v>
      </c>
      <c r="AD88" s="65"/>
    </row>
    <row r="89" spans="1:31" x14ac:dyDescent="0.25">
      <c r="A89" s="77"/>
      <c r="B89" s="78" t="s">
        <v>608</v>
      </c>
      <c r="C89" s="79">
        <v>1</v>
      </c>
      <c r="D89" s="79">
        <v>1</v>
      </c>
      <c r="E89" s="79" t="s">
        <v>543</v>
      </c>
      <c r="F89" s="79" t="s">
        <v>543</v>
      </c>
      <c r="G89" s="79" t="s">
        <v>543</v>
      </c>
      <c r="H89" s="79" t="s">
        <v>543</v>
      </c>
      <c r="I89" s="79" t="s">
        <v>543</v>
      </c>
      <c r="J89" s="79" t="s">
        <v>543</v>
      </c>
      <c r="K89" s="79" t="s">
        <v>543</v>
      </c>
      <c r="L89" s="79" t="s">
        <v>543</v>
      </c>
      <c r="M89" s="79" t="s">
        <v>543</v>
      </c>
      <c r="N89" s="79" t="s">
        <v>543</v>
      </c>
      <c r="O89" s="79" t="s">
        <v>543</v>
      </c>
      <c r="P89" s="79" t="s">
        <v>543</v>
      </c>
      <c r="Q89" s="79" t="s">
        <v>543</v>
      </c>
      <c r="R89" s="79" t="s">
        <v>543</v>
      </c>
      <c r="S89" s="79" t="s">
        <v>543</v>
      </c>
      <c r="T89" s="79" t="s">
        <v>543</v>
      </c>
      <c r="U89" s="79" t="s">
        <v>543</v>
      </c>
      <c r="V89" s="79" t="s">
        <v>543</v>
      </c>
      <c r="W89" s="79" t="s">
        <v>543</v>
      </c>
      <c r="X89" s="79" t="s">
        <v>543</v>
      </c>
      <c r="Y89" s="79" t="s">
        <v>543</v>
      </c>
      <c r="Z89" s="79" t="s">
        <v>543</v>
      </c>
      <c r="AA89" s="79" t="s">
        <v>543</v>
      </c>
      <c r="AB89" s="79">
        <v>17</v>
      </c>
      <c r="AC89" s="79" t="s">
        <v>287</v>
      </c>
      <c r="AD89" s="65"/>
    </row>
    <row r="90" spans="1:31" x14ac:dyDescent="0.25">
      <c r="A90" s="77"/>
      <c r="B90" s="78" t="s">
        <v>609</v>
      </c>
      <c r="C90" s="83" t="s">
        <v>543</v>
      </c>
      <c r="D90" s="79" t="s">
        <v>543</v>
      </c>
      <c r="E90" s="79" t="s">
        <v>543</v>
      </c>
      <c r="F90" s="79" t="s">
        <v>543</v>
      </c>
      <c r="G90" s="79" t="s">
        <v>543</v>
      </c>
      <c r="H90" s="79" t="s">
        <v>543</v>
      </c>
      <c r="I90" s="79" t="s">
        <v>543</v>
      </c>
      <c r="J90" s="79" t="s">
        <v>543</v>
      </c>
      <c r="K90" s="79" t="s">
        <v>543</v>
      </c>
      <c r="L90" s="79" t="s">
        <v>543</v>
      </c>
      <c r="M90" s="79" t="s">
        <v>543</v>
      </c>
      <c r="N90" s="79" t="s">
        <v>543</v>
      </c>
      <c r="O90" s="79" t="s">
        <v>543</v>
      </c>
      <c r="P90" s="79" t="s">
        <v>543</v>
      </c>
      <c r="Q90" s="79" t="s">
        <v>543</v>
      </c>
      <c r="R90" s="79" t="s">
        <v>543</v>
      </c>
      <c r="S90" s="79" t="s">
        <v>543</v>
      </c>
      <c r="T90" s="79" t="s">
        <v>543</v>
      </c>
      <c r="U90" s="79" t="s">
        <v>543</v>
      </c>
      <c r="V90" s="79" t="s">
        <v>543</v>
      </c>
      <c r="W90" s="79" t="s">
        <v>543</v>
      </c>
      <c r="X90" s="79" t="s">
        <v>543</v>
      </c>
      <c r="Y90" s="79" t="s">
        <v>543</v>
      </c>
      <c r="Z90" s="79" t="s">
        <v>543</v>
      </c>
      <c r="AA90" s="79" t="s">
        <v>543</v>
      </c>
      <c r="AB90" s="79" t="s">
        <v>543</v>
      </c>
      <c r="AC90" s="79" t="s">
        <v>543</v>
      </c>
      <c r="AD90" s="65"/>
    </row>
    <row r="91" spans="1:31" x14ac:dyDescent="0.25">
      <c r="A91" s="77"/>
      <c r="B91" s="78"/>
      <c r="C91" s="83"/>
      <c r="D91" s="79"/>
      <c r="E91" s="79"/>
      <c r="F91" s="79"/>
      <c r="G91" s="79"/>
      <c r="H91" s="79"/>
      <c r="I91" s="79"/>
      <c r="J91" s="79"/>
      <c r="K91" s="79"/>
      <c r="L91" s="79"/>
      <c r="M91" s="79"/>
      <c r="N91" s="79"/>
      <c r="O91" s="79"/>
      <c r="P91" s="79"/>
      <c r="Q91" s="79"/>
      <c r="R91" s="79"/>
      <c r="S91" s="79"/>
      <c r="T91" s="79"/>
      <c r="U91" s="79"/>
      <c r="V91" s="79"/>
      <c r="W91" s="79"/>
      <c r="X91" s="79"/>
      <c r="Y91" s="79"/>
      <c r="Z91" s="79"/>
      <c r="AA91" s="79"/>
      <c r="AB91" s="79"/>
      <c r="AC91" s="79"/>
      <c r="AD91" s="65"/>
    </row>
    <row r="92" spans="1:31" x14ac:dyDescent="0.25">
      <c r="A92" s="77"/>
      <c r="B92" s="78" t="s">
        <v>610</v>
      </c>
      <c r="C92" s="83">
        <v>1</v>
      </c>
      <c r="D92" s="79" t="s">
        <v>543</v>
      </c>
      <c r="E92" s="79" t="s">
        <v>543</v>
      </c>
      <c r="F92" s="79" t="s">
        <v>543</v>
      </c>
      <c r="G92" s="79" t="s">
        <v>543</v>
      </c>
      <c r="H92" s="79" t="s">
        <v>543</v>
      </c>
      <c r="I92" s="79" t="s">
        <v>543</v>
      </c>
      <c r="J92" s="79" t="s">
        <v>543</v>
      </c>
      <c r="K92" s="79" t="s">
        <v>543</v>
      </c>
      <c r="L92" s="79" t="s">
        <v>543</v>
      </c>
      <c r="M92" s="79" t="s">
        <v>543</v>
      </c>
      <c r="N92" s="79" t="s">
        <v>543</v>
      </c>
      <c r="O92" s="79" t="s">
        <v>543</v>
      </c>
      <c r="P92" s="79" t="s">
        <v>543</v>
      </c>
      <c r="Q92" s="79" t="s">
        <v>543</v>
      </c>
      <c r="R92" s="79" t="s">
        <v>543</v>
      </c>
      <c r="S92" s="79">
        <v>1</v>
      </c>
      <c r="T92" s="79" t="s">
        <v>543</v>
      </c>
      <c r="U92" s="79" t="s">
        <v>543</v>
      </c>
      <c r="V92" s="79" t="s">
        <v>543</v>
      </c>
      <c r="W92" s="79" t="s">
        <v>543</v>
      </c>
      <c r="X92" s="79" t="s">
        <v>543</v>
      </c>
      <c r="Y92" s="79" t="s">
        <v>543</v>
      </c>
      <c r="Z92" s="79" t="s">
        <v>543</v>
      </c>
      <c r="AA92" s="79" t="s">
        <v>543</v>
      </c>
      <c r="AB92" s="79">
        <v>5</v>
      </c>
      <c r="AC92" s="79" t="s">
        <v>287</v>
      </c>
      <c r="AD92" s="65"/>
    </row>
    <row r="93" spans="1:31" x14ac:dyDescent="0.25">
      <c r="A93" s="77"/>
      <c r="B93" s="78" t="s">
        <v>611</v>
      </c>
      <c r="C93" s="83">
        <v>1</v>
      </c>
      <c r="D93" s="79" t="s">
        <v>543</v>
      </c>
      <c r="E93" s="79" t="s">
        <v>543</v>
      </c>
      <c r="F93" s="79" t="s">
        <v>543</v>
      </c>
      <c r="G93" s="79" t="s">
        <v>543</v>
      </c>
      <c r="H93" s="79" t="s">
        <v>543</v>
      </c>
      <c r="I93" s="79" t="s">
        <v>543</v>
      </c>
      <c r="J93" s="79" t="s">
        <v>543</v>
      </c>
      <c r="K93" s="79" t="s">
        <v>543</v>
      </c>
      <c r="L93" s="79" t="s">
        <v>543</v>
      </c>
      <c r="M93" s="79" t="s">
        <v>543</v>
      </c>
      <c r="N93" s="79" t="s">
        <v>543</v>
      </c>
      <c r="O93" s="79" t="s">
        <v>543</v>
      </c>
      <c r="P93" s="79" t="s">
        <v>543</v>
      </c>
      <c r="Q93" s="79" t="s">
        <v>543</v>
      </c>
      <c r="R93" s="79" t="s">
        <v>543</v>
      </c>
      <c r="S93" s="79" t="s">
        <v>543</v>
      </c>
      <c r="T93" s="79">
        <v>1</v>
      </c>
      <c r="U93" s="79" t="s">
        <v>543</v>
      </c>
      <c r="V93" s="79" t="s">
        <v>543</v>
      </c>
      <c r="W93" s="79" t="s">
        <v>543</v>
      </c>
      <c r="X93" s="79" t="s">
        <v>543</v>
      </c>
      <c r="Y93" s="79" t="s">
        <v>543</v>
      </c>
      <c r="Z93" s="79" t="s">
        <v>543</v>
      </c>
      <c r="AA93" s="79" t="s">
        <v>543</v>
      </c>
      <c r="AB93" s="79">
        <v>5</v>
      </c>
      <c r="AC93" s="79" t="s">
        <v>287</v>
      </c>
      <c r="AD93" s="65"/>
    </row>
    <row r="94" spans="1:31" x14ac:dyDescent="0.25">
      <c r="A94" s="77"/>
      <c r="B94" s="78" t="s">
        <v>612</v>
      </c>
      <c r="C94" s="79" t="s">
        <v>543</v>
      </c>
      <c r="D94" s="79" t="s">
        <v>543</v>
      </c>
      <c r="E94" s="79" t="s">
        <v>543</v>
      </c>
      <c r="F94" s="79" t="s">
        <v>543</v>
      </c>
      <c r="G94" s="79" t="s">
        <v>543</v>
      </c>
      <c r="H94" s="79" t="s">
        <v>543</v>
      </c>
      <c r="I94" s="79" t="s">
        <v>543</v>
      </c>
      <c r="J94" s="79" t="s">
        <v>543</v>
      </c>
      <c r="K94" s="79" t="s">
        <v>543</v>
      </c>
      <c r="L94" s="79" t="s">
        <v>543</v>
      </c>
      <c r="M94" s="79" t="s">
        <v>543</v>
      </c>
      <c r="N94" s="79" t="s">
        <v>543</v>
      </c>
      <c r="O94" s="79" t="s">
        <v>543</v>
      </c>
      <c r="P94" s="79" t="s">
        <v>543</v>
      </c>
      <c r="Q94" s="79" t="s">
        <v>543</v>
      </c>
      <c r="R94" s="79" t="s">
        <v>543</v>
      </c>
      <c r="S94" s="79" t="s">
        <v>543</v>
      </c>
      <c r="T94" s="79" t="s">
        <v>543</v>
      </c>
      <c r="U94" s="79" t="s">
        <v>543</v>
      </c>
      <c r="V94" s="79" t="s">
        <v>543</v>
      </c>
      <c r="W94" s="79" t="s">
        <v>543</v>
      </c>
      <c r="X94" s="79" t="s">
        <v>543</v>
      </c>
      <c r="Y94" s="79" t="s">
        <v>543</v>
      </c>
      <c r="Z94" s="79" t="s">
        <v>543</v>
      </c>
      <c r="AA94" s="79" t="s">
        <v>543</v>
      </c>
      <c r="AB94" s="79" t="s">
        <v>543</v>
      </c>
      <c r="AC94" s="79" t="s">
        <v>543</v>
      </c>
      <c r="AD94" s="65"/>
    </row>
    <row r="95" spans="1:31" x14ac:dyDescent="0.25">
      <c r="A95" s="77"/>
      <c r="B95" s="78" t="s">
        <v>613</v>
      </c>
      <c r="C95" s="79" t="s">
        <v>543</v>
      </c>
      <c r="D95" s="79" t="s">
        <v>543</v>
      </c>
      <c r="E95" s="79" t="s">
        <v>543</v>
      </c>
      <c r="F95" s="79" t="s">
        <v>543</v>
      </c>
      <c r="G95" s="79" t="s">
        <v>543</v>
      </c>
      <c r="H95" s="79" t="s">
        <v>543</v>
      </c>
      <c r="I95" s="79" t="s">
        <v>543</v>
      </c>
      <c r="J95" s="79" t="s">
        <v>543</v>
      </c>
      <c r="K95" s="79" t="s">
        <v>543</v>
      </c>
      <c r="L95" s="79" t="s">
        <v>543</v>
      </c>
      <c r="M95" s="79" t="s">
        <v>543</v>
      </c>
      <c r="N95" s="79" t="s">
        <v>543</v>
      </c>
      <c r="O95" s="79" t="s">
        <v>543</v>
      </c>
      <c r="P95" s="79" t="s">
        <v>543</v>
      </c>
      <c r="Q95" s="79" t="s">
        <v>543</v>
      </c>
      <c r="R95" s="79" t="s">
        <v>543</v>
      </c>
      <c r="S95" s="79" t="s">
        <v>543</v>
      </c>
      <c r="T95" s="79" t="s">
        <v>543</v>
      </c>
      <c r="U95" s="79" t="s">
        <v>543</v>
      </c>
      <c r="V95" s="79" t="s">
        <v>543</v>
      </c>
      <c r="W95" s="79" t="s">
        <v>543</v>
      </c>
      <c r="X95" s="79" t="s">
        <v>543</v>
      </c>
      <c r="Y95" s="79" t="s">
        <v>543</v>
      </c>
      <c r="Z95" s="79" t="s">
        <v>543</v>
      </c>
      <c r="AA95" s="79" t="s">
        <v>543</v>
      </c>
      <c r="AB95" s="79" t="s">
        <v>543</v>
      </c>
      <c r="AC95" s="79" t="s">
        <v>543</v>
      </c>
      <c r="AD95" s="65"/>
    </row>
    <row r="96" spans="1:31" x14ac:dyDescent="0.25">
      <c r="A96" s="77"/>
      <c r="B96" s="81"/>
      <c r="C96" s="83"/>
      <c r="D96" s="79"/>
      <c r="E96" s="79"/>
      <c r="F96" s="79"/>
      <c r="G96" s="79"/>
      <c r="H96" s="79"/>
      <c r="I96" s="79"/>
      <c r="J96" s="79"/>
      <c r="K96" s="79"/>
      <c r="L96" s="79"/>
      <c r="M96" s="79"/>
      <c r="N96" s="79"/>
      <c r="O96" s="79"/>
      <c r="P96" s="79"/>
      <c r="Q96" s="79"/>
      <c r="R96" s="79"/>
      <c r="S96" s="79"/>
      <c r="T96" s="79"/>
      <c r="U96" s="79"/>
      <c r="V96" s="79"/>
      <c r="W96" s="79"/>
      <c r="X96" s="79"/>
      <c r="Y96" s="79"/>
      <c r="Z96" s="79"/>
      <c r="AA96" s="79"/>
      <c r="AB96" s="79"/>
      <c r="AC96" s="79"/>
      <c r="AD96" s="65"/>
    </row>
    <row r="97" spans="1:31" s="60" customFormat="1" x14ac:dyDescent="0.25">
      <c r="A97" s="125" t="s">
        <v>614</v>
      </c>
      <c r="B97" s="126"/>
      <c r="C97" s="63">
        <v>123</v>
      </c>
      <c r="D97" s="66">
        <v>4</v>
      </c>
      <c r="E97" s="66">
        <v>2</v>
      </c>
      <c r="F97" s="66">
        <v>1</v>
      </c>
      <c r="G97" s="66">
        <v>2</v>
      </c>
      <c r="H97" s="66" t="s">
        <v>543</v>
      </c>
      <c r="I97" s="66">
        <v>4</v>
      </c>
      <c r="J97" s="66">
        <v>5</v>
      </c>
      <c r="K97" s="66">
        <v>11</v>
      </c>
      <c r="L97" s="66">
        <v>1</v>
      </c>
      <c r="M97" s="66">
        <v>12</v>
      </c>
      <c r="N97" s="66" t="s">
        <v>543</v>
      </c>
      <c r="O97" s="66" t="s">
        <v>543</v>
      </c>
      <c r="P97" s="66">
        <v>9</v>
      </c>
      <c r="Q97" s="66">
        <v>1</v>
      </c>
      <c r="R97" s="66">
        <v>2</v>
      </c>
      <c r="S97" s="66">
        <v>26</v>
      </c>
      <c r="T97" s="66">
        <v>7</v>
      </c>
      <c r="U97" s="66">
        <v>22</v>
      </c>
      <c r="V97" s="66">
        <v>1</v>
      </c>
      <c r="W97" s="66">
        <v>3</v>
      </c>
      <c r="X97" s="66">
        <v>2</v>
      </c>
      <c r="Y97" s="66" t="s">
        <v>543</v>
      </c>
      <c r="Z97" s="66">
        <v>8</v>
      </c>
      <c r="AA97" s="66" t="s">
        <v>543</v>
      </c>
      <c r="AB97" s="66">
        <v>6684</v>
      </c>
      <c r="AC97" s="66">
        <v>19415084</v>
      </c>
      <c r="AD97" s="65"/>
      <c r="AE97" s="54"/>
    </row>
    <row r="98" spans="1:31" x14ac:dyDescent="0.25">
      <c r="A98" s="77"/>
      <c r="B98" s="78" t="s">
        <v>615</v>
      </c>
      <c r="C98" s="83">
        <v>20</v>
      </c>
      <c r="D98" s="79">
        <v>2</v>
      </c>
      <c r="E98" s="79" t="s">
        <v>543</v>
      </c>
      <c r="F98" s="79" t="s">
        <v>543</v>
      </c>
      <c r="G98" s="79" t="s">
        <v>543</v>
      </c>
      <c r="H98" s="79" t="s">
        <v>543</v>
      </c>
      <c r="I98" s="79">
        <v>3</v>
      </c>
      <c r="J98" s="79" t="s">
        <v>543</v>
      </c>
      <c r="K98" s="79">
        <v>7</v>
      </c>
      <c r="L98" s="79" t="s">
        <v>543</v>
      </c>
      <c r="M98" s="79">
        <v>1</v>
      </c>
      <c r="N98" s="79" t="s">
        <v>543</v>
      </c>
      <c r="O98" s="79" t="s">
        <v>543</v>
      </c>
      <c r="P98" s="79" t="s">
        <v>543</v>
      </c>
      <c r="Q98" s="79" t="s">
        <v>543</v>
      </c>
      <c r="R98" s="79">
        <v>1</v>
      </c>
      <c r="S98" s="79">
        <v>2</v>
      </c>
      <c r="T98" s="79">
        <v>1</v>
      </c>
      <c r="U98" s="79">
        <v>2</v>
      </c>
      <c r="V98" s="79" t="s">
        <v>543</v>
      </c>
      <c r="W98" s="79">
        <v>1</v>
      </c>
      <c r="X98" s="79" t="s">
        <v>543</v>
      </c>
      <c r="Y98" s="79" t="s">
        <v>543</v>
      </c>
      <c r="Z98" s="79" t="s">
        <v>543</v>
      </c>
      <c r="AA98" s="79" t="s">
        <v>543</v>
      </c>
      <c r="AB98" s="79">
        <v>2459</v>
      </c>
      <c r="AC98" s="79">
        <v>9050753</v>
      </c>
      <c r="AD98" s="65"/>
    </row>
    <row r="99" spans="1:31" x14ac:dyDescent="0.25">
      <c r="A99" s="77"/>
      <c r="B99" s="78" t="s">
        <v>616</v>
      </c>
      <c r="C99" s="83">
        <v>13</v>
      </c>
      <c r="D99" s="79" t="s">
        <v>543</v>
      </c>
      <c r="E99" s="79" t="s">
        <v>543</v>
      </c>
      <c r="F99" s="79" t="s">
        <v>543</v>
      </c>
      <c r="G99" s="79" t="s">
        <v>543</v>
      </c>
      <c r="H99" s="79" t="s">
        <v>543</v>
      </c>
      <c r="I99" s="79" t="s">
        <v>543</v>
      </c>
      <c r="J99" s="79">
        <v>3</v>
      </c>
      <c r="K99" s="79">
        <v>1</v>
      </c>
      <c r="L99" s="79">
        <v>1</v>
      </c>
      <c r="M99" s="79" t="s">
        <v>543</v>
      </c>
      <c r="N99" s="79" t="s">
        <v>543</v>
      </c>
      <c r="O99" s="79" t="s">
        <v>543</v>
      </c>
      <c r="P99" s="79">
        <v>1</v>
      </c>
      <c r="Q99" s="79" t="s">
        <v>543</v>
      </c>
      <c r="R99" s="79" t="s">
        <v>543</v>
      </c>
      <c r="S99" s="79">
        <v>2</v>
      </c>
      <c r="T99" s="79" t="s">
        <v>543</v>
      </c>
      <c r="U99" s="79">
        <v>4</v>
      </c>
      <c r="V99" s="79" t="s">
        <v>543</v>
      </c>
      <c r="W99" s="79" t="s">
        <v>543</v>
      </c>
      <c r="X99" s="79">
        <v>1</v>
      </c>
      <c r="Y99" s="79" t="s">
        <v>543</v>
      </c>
      <c r="Z99" s="79" t="s">
        <v>543</v>
      </c>
      <c r="AA99" s="79" t="s">
        <v>543</v>
      </c>
      <c r="AB99" s="79">
        <v>432</v>
      </c>
      <c r="AC99" s="79">
        <v>1119997</v>
      </c>
      <c r="AD99" s="65"/>
    </row>
    <row r="100" spans="1:31" x14ac:dyDescent="0.25">
      <c r="A100" s="77"/>
      <c r="B100" s="78" t="s">
        <v>617</v>
      </c>
      <c r="C100" s="83">
        <v>1</v>
      </c>
      <c r="D100" s="79" t="s">
        <v>543</v>
      </c>
      <c r="E100" s="79" t="s">
        <v>543</v>
      </c>
      <c r="F100" s="79" t="s">
        <v>543</v>
      </c>
      <c r="G100" s="79" t="s">
        <v>543</v>
      </c>
      <c r="H100" s="79" t="s">
        <v>543</v>
      </c>
      <c r="I100" s="79" t="s">
        <v>543</v>
      </c>
      <c r="J100" s="79" t="s">
        <v>543</v>
      </c>
      <c r="K100" s="79" t="s">
        <v>543</v>
      </c>
      <c r="L100" s="79" t="s">
        <v>543</v>
      </c>
      <c r="M100" s="79">
        <v>1</v>
      </c>
      <c r="N100" s="79" t="s">
        <v>543</v>
      </c>
      <c r="O100" s="79" t="s">
        <v>543</v>
      </c>
      <c r="P100" s="79" t="s">
        <v>543</v>
      </c>
      <c r="Q100" s="79" t="s">
        <v>543</v>
      </c>
      <c r="R100" s="79" t="s">
        <v>543</v>
      </c>
      <c r="S100" s="79" t="s">
        <v>543</v>
      </c>
      <c r="T100" s="79" t="s">
        <v>543</v>
      </c>
      <c r="U100" s="79" t="s">
        <v>543</v>
      </c>
      <c r="V100" s="79" t="s">
        <v>543</v>
      </c>
      <c r="W100" s="79" t="s">
        <v>618</v>
      </c>
      <c r="X100" s="79" t="s">
        <v>543</v>
      </c>
      <c r="Y100" s="79" t="s">
        <v>543</v>
      </c>
      <c r="Z100" s="79" t="s">
        <v>543</v>
      </c>
      <c r="AA100" s="79" t="s">
        <v>543</v>
      </c>
      <c r="AB100" s="79">
        <v>27</v>
      </c>
      <c r="AC100" s="79" t="s">
        <v>287</v>
      </c>
      <c r="AD100" s="65"/>
    </row>
    <row r="101" spans="1:31" x14ac:dyDescent="0.25">
      <c r="A101" s="77"/>
      <c r="B101" s="78" t="s">
        <v>619</v>
      </c>
      <c r="C101" s="83">
        <v>15</v>
      </c>
      <c r="D101" s="79" t="s">
        <v>543</v>
      </c>
      <c r="E101" s="79" t="s">
        <v>543</v>
      </c>
      <c r="F101" s="79" t="s">
        <v>543</v>
      </c>
      <c r="G101" s="79">
        <v>1</v>
      </c>
      <c r="H101" s="79" t="s">
        <v>543</v>
      </c>
      <c r="I101" s="79" t="s">
        <v>543</v>
      </c>
      <c r="J101" s="79">
        <v>1</v>
      </c>
      <c r="K101" s="79" t="s">
        <v>543</v>
      </c>
      <c r="L101" s="79" t="s">
        <v>543</v>
      </c>
      <c r="M101" s="79">
        <v>3</v>
      </c>
      <c r="N101" s="79" t="s">
        <v>543</v>
      </c>
      <c r="O101" s="79" t="s">
        <v>543</v>
      </c>
      <c r="P101" s="79">
        <v>2</v>
      </c>
      <c r="Q101" s="79">
        <v>1</v>
      </c>
      <c r="R101" s="79" t="s">
        <v>543</v>
      </c>
      <c r="S101" s="79">
        <v>3</v>
      </c>
      <c r="T101" s="79" t="s">
        <v>543</v>
      </c>
      <c r="U101" s="79">
        <v>3</v>
      </c>
      <c r="V101" s="79" t="s">
        <v>543</v>
      </c>
      <c r="W101" s="79" t="s">
        <v>543</v>
      </c>
      <c r="X101" s="79" t="s">
        <v>543</v>
      </c>
      <c r="Y101" s="79" t="s">
        <v>543</v>
      </c>
      <c r="Z101" s="79">
        <v>1</v>
      </c>
      <c r="AA101" s="79" t="s">
        <v>543</v>
      </c>
      <c r="AB101" s="79">
        <v>337</v>
      </c>
      <c r="AC101" s="79">
        <v>523688</v>
      </c>
      <c r="AD101" s="65"/>
    </row>
    <row r="102" spans="1:31" x14ac:dyDescent="0.25">
      <c r="A102" s="77"/>
      <c r="B102" s="78" t="s">
        <v>620</v>
      </c>
      <c r="C102" s="83">
        <v>42</v>
      </c>
      <c r="D102" s="79" t="s">
        <v>543</v>
      </c>
      <c r="E102" s="79" t="s">
        <v>543</v>
      </c>
      <c r="F102" s="79">
        <v>1</v>
      </c>
      <c r="G102" s="79">
        <v>1</v>
      </c>
      <c r="H102" s="79" t="s">
        <v>543</v>
      </c>
      <c r="I102" s="79" t="s">
        <v>543</v>
      </c>
      <c r="J102" s="79">
        <v>1</v>
      </c>
      <c r="K102" s="79">
        <v>2</v>
      </c>
      <c r="L102" s="79" t="s">
        <v>543</v>
      </c>
      <c r="M102" s="79">
        <v>2</v>
      </c>
      <c r="N102" s="79" t="s">
        <v>543</v>
      </c>
      <c r="O102" s="79" t="s">
        <v>543</v>
      </c>
      <c r="P102" s="79">
        <v>5</v>
      </c>
      <c r="Q102" s="79" t="s">
        <v>543</v>
      </c>
      <c r="R102" s="79">
        <v>1</v>
      </c>
      <c r="S102" s="79">
        <v>11</v>
      </c>
      <c r="T102" s="79">
        <v>2</v>
      </c>
      <c r="U102" s="79">
        <v>8</v>
      </c>
      <c r="V102" s="79">
        <v>1</v>
      </c>
      <c r="W102" s="79">
        <v>1</v>
      </c>
      <c r="X102" s="79" t="s">
        <v>543</v>
      </c>
      <c r="Y102" s="79" t="s">
        <v>543</v>
      </c>
      <c r="Z102" s="79">
        <v>6</v>
      </c>
      <c r="AA102" s="79" t="s">
        <v>543</v>
      </c>
      <c r="AB102" s="79">
        <v>2228</v>
      </c>
      <c r="AC102" s="79">
        <v>5744562</v>
      </c>
      <c r="AD102" s="65"/>
    </row>
    <row r="103" spans="1:31" x14ac:dyDescent="0.25">
      <c r="A103" s="77"/>
      <c r="B103" s="78"/>
      <c r="C103" s="83"/>
      <c r="D103" s="79"/>
      <c r="E103" s="79"/>
      <c r="F103" s="79"/>
      <c r="G103" s="79"/>
      <c r="H103" s="79"/>
      <c r="I103" s="79"/>
      <c r="J103" s="79"/>
      <c r="K103" s="79"/>
      <c r="L103" s="79"/>
      <c r="M103" s="79"/>
      <c r="N103" s="79"/>
      <c r="O103" s="79"/>
      <c r="P103" s="79"/>
      <c r="Q103" s="79"/>
      <c r="R103" s="79"/>
      <c r="S103" s="79"/>
      <c r="T103" s="79"/>
      <c r="U103" s="79"/>
      <c r="V103" s="79"/>
      <c r="W103" s="79"/>
      <c r="X103" s="79"/>
      <c r="Y103" s="79"/>
      <c r="Z103" s="79"/>
      <c r="AA103" s="79"/>
      <c r="AB103" s="79"/>
      <c r="AC103" s="79"/>
      <c r="AD103" s="65"/>
    </row>
    <row r="104" spans="1:31" x14ac:dyDescent="0.25">
      <c r="A104" s="77"/>
      <c r="B104" s="78" t="s">
        <v>621</v>
      </c>
      <c r="C104" s="83">
        <v>3</v>
      </c>
      <c r="D104" s="79" t="s">
        <v>543</v>
      </c>
      <c r="E104" s="79" t="s">
        <v>543</v>
      </c>
      <c r="F104" s="79" t="s">
        <v>543</v>
      </c>
      <c r="G104" s="79" t="s">
        <v>543</v>
      </c>
      <c r="H104" s="79" t="s">
        <v>543</v>
      </c>
      <c r="I104" s="79" t="s">
        <v>543</v>
      </c>
      <c r="J104" s="79" t="s">
        <v>543</v>
      </c>
      <c r="K104" s="79" t="s">
        <v>543</v>
      </c>
      <c r="L104" s="79" t="s">
        <v>543</v>
      </c>
      <c r="M104" s="79" t="s">
        <v>543</v>
      </c>
      <c r="N104" s="79" t="s">
        <v>543</v>
      </c>
      <c r="O104" s="79" t="s">
        <v>543</v>
      </c>
      <c r="P104" s="79" t="s">
        <v>543</v>
      </c>
      <c r="Q104" s="79" t="s">
        <v>543</v>
      </c>
      <c r="R104" s="79" t="s">
        <v>543</v>
      </c>
      <c r="S104" s="79">
        <v>1</v>
      </c>
      <c r="T104" s="79">
        <v>1</v>
      </c>
      <c r="U104" s="79">
        <v>1</v>
      </c>
      <c r="V104" s="79" t="s">
        <v>543</v>
      </c>
      <c r="W104" s="79" t="s">
        <v>543</v>
      </c>
      <c r="X104" s="79" t="s">
        <v>543</v>
      </c>
      <c r="Y104" s="79" t="s">
        <v>543</v>
      </c>
      <c r="Z104" s="79" t="s">
        <v>543</v>
      </c>
      <c r="AA104" s="79" t="s">
        <v>543</v>
      </c>
      <c r="AB104" s="79">
        <v>15</v>
      </c>
      <c r="AC104" s="79" t="s">
        <v>287</v>
      </c>
      <c r="AD104" s="65"/>
    </row>
    <row r="105" spans="1:31" x14ac:dyDescent="0.25">
      <c r="A105" s="77"/>
      <c r="B105" s="78" t="s">
        <v>622</v>
      </c>
      <c r="C105" s="83">
        <v>5</v>
      </c>
      <c r="D105" s="79">
        <v>1</v>
      </c>
      <c r="E105" s="79">
        <v>1</v>
      </c>
      <c r="F105" s="79" t="s">
        <v>543</v>
      </c>
      <c r="G105" s="79" t="s">
        <v>543</v>
      </c>
      <c r="H105" s="79" t="s">
        <v>543</v>
      </c>
      <c r="I105" s="79" t="s">
        <v>543</v>
      </c>
      <c r="J105" s="79" t="s">
        <v>543</v>
      </c>
      <c r="K105" s="79" t="s">
        <v>543</v>
      </c>
      <c r="L105" s="79" t="s">
        <v>543</v>
      </c>
      <c r="M105" s="79">
        <v>2</v>
      </c>
      <c r="N105" s="79" t="s">
        <v>543</v>
      </c>
      <c r="O105" s="79" t="s">
        <v>543</v>
      </c>
      <c r="P105" s="79" t="s">
        <v>543</v>
      </c>
      <c r="Q105" s="79" t="s">
        <v>543</v>
      </c>
      <c r="R105" s="79" t="s">
        <v>543</v>
      </c>
      <c r="S105" s="79" t="s">
        <v>543</v>
      </c>
      <c r="T105" s="79" t="s">
        <v>543</v>
      </c>
      <c r="U105" s="79">
        <v>1</v>
      </c>
      <c r="V105" s="79" t="s">
        <v>543</v>
      </c>
      <c r="W105" s="79" t="s">
        <v>543</v>
      </c>
      <c r="X105" s="79" t="s">
        <v>543</v>
      </c>
      <c r="Y105" s="79" t="s">
        <v>543</v>
      </c>
      <c r="Z105" s="79" t="s">
        <v>543</v>
      </c>
      <c r="AA105" s="79" t="s">
        <v>543</v>
      </c>
      <c r="AB105" s="79">
        <v>116</v>
      </c>
      <c r="AC105" s="79">
        <v>249523</v>
      </c>
      <c r="AD105" s="65"/>
    </row>
    <row r="106" spans="1:31" x14ac:dyDescent="0.25">
      <c r="A106" s="77"/>
      <c r="B106" s="78" t="s">
        <v>623</v>
      </c>
      <c r="C106" s="83">
        <v>24</v>
      </c>
      <c r="D106" s="79">
        <v>1</v>
      </c>
      <c r="E106" s="79">
        <v>1</v>
      </c>
      <c r="F106" s="79" t="s">
        <v>543</v>
      </c>
      <c r="G106" s="79" t="s">
        <v>543</v>
      </c>
      <c r="H106" s="79" t="s">
        <v>543</v>
      </c>
      <c r="I106" s="79">
        <v>1</v>
      </c>
      <c r="J106" s="79" t="s">
        <v>543</v>
      </c>
      <c r="K106" s="79">
        <v>1</v>
      </c>
      <c r="L106" s="79" t="s">
        <v>543</v>
      </c>
      <c r="M106" s="79">
        <v>3</v>
      </c>
      <c r="N106" s="79" t="s">
        <v>543</v>
      </c>
      <c r="O106" s="79" t="s">
        <v>543</v>
      </c>
      <c r="P106" s="79">
        <v>1</v>
      </c>
      <c r="Q106" s="79" t="s">
        <v>543</v>
      </c>
      <c r="R106" s="79" t="s">
        <v>543</v>
      </c>
      <c r="S106" s="79">
        <v>7</v>
      </c>
      <c r="T106" s="79">
        <v>3</v>
      </c>
      <c r="U106" s="79">
        <v>3</v>
      </c>
      <c r="V106" s="79" t="s">
        <v>543</v>
      </c>
      <c r="W106" s="79">
        <v>1</v>
      </c>
      <c r="X106" s="79">
        <v>1</v>
      </c>
      <c r="Y106" s="79" t="s">
        <v>543</v>
      </c>
      <c r="Z106" s="79">
        <v>1</v>
      </c>
      <c r="AA106" s="79" t="s">
        <v>543</v>
      </c>
      <c r="AB106" s="79">
        <v>1070</v>
      </c>
      <c r="AC106" s="79">
        <v>2682976</v>
      </c>
      <c r="AD106" s="65"/>
    </row>
    <row r="107" spans="1:31" x14ac:dyDescent="0.25">
      <c r="A107" s="77"/>
      <c r="B107" s="81"/>
      <c r="C107" s="83"/>
      <c r="D107" s="79"/>
      <c r="E107" s="79"/>
      <c r="F107" s="79"/>
      <c r="G107" s="79"/>
      <c r="H107" s="79"/>
      <c r="I107" s="79"/>
      <c r="J107" s="79"/>
      <c r="K107" s="79"/>
      <c r="L107" s="79"/>
      <c r="M107" s="79"/>
      <c r="N107" s="79"/>
      <c r="O107" s="79"/>
      <c r="P107" s="79"/>
      <c r="Q107" s="79"/>
      <c r="R107" s="79"/>
      <c r="S107" s="79"/>
      <c r="T107" s="79"/>
      <c r="U107" s="79"/>
      <c r="V107" s="79"/>
      <c r="W107" s="79"/>
      <c r="X107" s="79"/>
      <c r="Y107" s="79"/>
      <c r="Z107" s="79"/>
      <c r="AA107" s="79"/>
      <c r="AB107" s="79"/>
      <c r="AC107" s="79"/>
      <c r="AD107" s="65"/>
    </row>
    <row r="108" spans="1:31" s="60" customFormat="1" x14ac:dyDescent="0.25">
      <c r="A108" s="125" t="s">
        <v>624</v>
      </c>
      <c r="B108" s="126"/>
      <c r="C108" s="63" t="s">
        <v>543</v>
      </c>
      <c r="D108" s="66" t="s">
        <v>543</v>
      </c>
      <c r="E108" s="66" t="s">
        <v>543</v>
      </c>
      <c r="F108" s="66" t="s">
        <v>543</v>
      </c>
      <c r="G108" s="66" t="s">
        <v>543</v>
      </c>
      <c r="H108" s="66" t="s">
        <v>543</v>
      </c>
      <c r="I108" s="66" t="s">
        <v>543</v>
      </c>
      <c r="J108" s="66" t="s">
        <v>543</v>
      </c>
      <c r="K108" s="66" t="s">
        <v>543</v>
      </c>
      <c r="L108" s="66" t="s">
        <v>543</v>
      </c>
      <c r="M108" s="66" t="s">
        <v>543</v>
      </c>
      <c r="N108" s="66" t="s">
        <v>543</v>
      </c>
      <c r="O108" s="66" t="s">
        <v>543</v>
      </c>
      <c r="P108" s="66" t="s">
        <v>543</v>
      </c>
      <c r="Q108" s="66" t="s">
        <v>543</v>
      </c>
      <c r="R108" s="66" t="s">
        <v>543</v>
      </c>
      <c r="S108" s="66" t="s">
        <v>543</v>
      </c>
      <c r="T108" s="66" t="s">
        <v>543</v>
      </c>
      <c r="U108" s="66" t="s">
        <v>543</v>
      </c>
      <c r="V108" s="66" t="s">
        <v>543</v>
      </c>
      <c r="W108" s="66" t="s">
        <v>543</v>
      </c>
      <c r="X108" s="66" t="s">
        <v>543</v>
      </c>
      <c r="Y108" s="66" t="s">
        <v>543</v>
      </c>
      <c r="Z108" s="66" t="s">
        <v>543</v>
      </c>
      <c r="AA108" s="66" t="s">
        <v>543</v>
      </c>
      <c r="AB108" s="66" t="s">
        <v>543</v>
      </c>
      <c r="AC108" s="66" t="s">
        <v>543</v>
      </c>
      <c r="AD108" s="65"/>
      <c r="AE108" s="54"/>
    </row>
    <row r="109" spans="1:31" x14ac:dyDescent="0.25">
      <c r="A109" s="77"/>
      <c r="B109" s="78" t="s">
        <v>625</v>
      </c>
      <c r="C109" s="83" t="s">
        <v>543</v>
      </c>
      <c r="D109" s="79" t="s">
        <v>543</v>
      </c>
      <c r="E109" s="79" t="s">
        <v>543</v>
      </c>
      <c r="F109" s="79" t="s">
        <v>543</v>
      </c>
      <c r="G109" s="79" t="s">
        <v>543</v>
      </c>
      <c r="H109" s="79" t="s">
        <v>543</v>
      </c>
      <c r="I109" s="79" t="s">
        <v>543</v>
      </c>
      <c r="J109" s="79" t="s">
        <v>543</v>
      </c>
      <c r="K109" s="79" t="s">
        <v>543</v>
      </c>
      <c r="L109" s="79" t="s">
        <v>543</v>
      </c>
      <c r="M109" s="79" t="s">
        <v>543</v>
      </c>
      <c r="N109" s="79" t="s">
        <v>543</v>
      </c>
      <c r="O109" s="79" t="s">
        <v>543</v>
      </c>
      <c r="P109" s="79" t="s">
        <v>543</v>
      </c>
      <c r="Q109" s="79" t="s">
        <v>543</v>
      </c>
      <c r="R109" s="79" t="s">
        <v>543</v>
      </c>
      <c r="S109" s="79" t="s">
        <v>543</v>
      </c>
      <c r="T109" s="79" t="s">
        <v>543</v>
      </c>
      <c r="U109" s="79" t="s">
        <v>543</v>
      </c>
      <c r="V109" s="79" t="s">
        <v>543</v>
      </c>
      <c r="W109" s="79" t="s">
        <v>543</v>
      </c>
      <c r="X109" s="79" t="s">
        <v>543</v>
      </c>
      <c r="Y109" s="79" t="s">
        <v>543</v>
      </c>
      <c r="Z109" s="79" t="s">
        <v>543</v>
      </c>
      <c r="AA109" s="79" t="s">
        <v>543</v>
      </c>
      <c r="AB109" s="79" t="s">
        <v>543</v>
      </c>
      <c r="AC109" s="79" t="s">
        <v>543</v>
      </c>
      <c r="AD109" s="65"/>
    </row>
    <row r="110" spans="1:31" x14ac:dyDescent="0.25">
      <c r="A110" s="77"/>
      <c r="B110" s="78" t="s">
        <v>626</v>
      </c>
      <c r="C110" s="83" t="s">
        <v>543</v>
      </c>
      <c r="D110" s="79" t="s">
        <v>543</v>
      </c>
      <c r="E110" s="79" t="s">
        <v>543</v>
      </c>
      <c r="F110" s="79" t="s">
        <v>543</v>
      </c>
      <c r="G110" s="79" t="s">
        <v>543</v>
      </c>
      <c r="H110" s="79" t="s">
        <v>543</v>
      </c>
      <c r="I110" s="79" t="s">
        <v>543</v>
      </c>
      <c r="J110" s="79" t="s">
        <v>543</v>
      </c>
      <c r="K110" s="79" t="s">
        <v>543</v>
      </c>
      <c r="L110" s="79" t="s">
        <v>543</v>
      </c>
      <c r="M110" s="79" t="s">
        <v>543</v>
      </c>
      <c r="N110" s="79" t="s">
        <v>543</v>
      </c>
      <c r="O110" s="79" t="s">
        <v>543</v>
      </c>
      <c r="P110" s="79" t="s">
        <v>543</v>
      </c>
      <c r="Q110" s="79" t="s">
        <v>543</v>
      </c>
      <c r="R110" s="79" t="s">
        <v>543</v>
      </c>
      <c r="S110" s="79" t="s">
        <v>543</v>
      </c>
      <c r="T110" s="79" t="s">
        <v>543</v>
      </c>
      <c r="U110" s="79" t="s">
        <v>543</v>
      </c>
      <c r="V110" s="79" t="s">
        <v>543</v>
      </c>
      <c r="W110" s="79" t="s">
        <v>543</v>
      </c>
      <c r="X110" s="79" t="s">
        <v>543</v>
      </c>
      <c r="Y110" s="79" t="s">
        <v>543</v>
      </c>
      <c r="Z110" s="79" t="s">
        <v>543</v>
      </c>
      <c r="AA110" s="79" t="s">
        <v>543</v>
      </c>
      <c r="AB110" s="79" t="s">
        <v>543</v>
      </c>
      <c r="AC110" s="79" t="s">
        <v>543</v>
      </c>
      <c r="AD110" s="65"/>
    </row>
    <row r="111" spans="1:31" x14ac:dyDescent="0.25">
      <c r="A111" s="77"/>
      <c r="B111" s="78" t="s">
        <v>627</v>
      </c>
      <c r="C111" s="83" t="s">
        <v>543</v>
      </c>
      <c r="D111" s="79" t="s">
        <v>543</v>
      </c>
      <c r="E111" s="79" t="s">
        <v>543</v>
      </c>
      <c r="F111" s="79" t="s">
        <v>543</v>
      </c>
      <c r="G111" s="79" t="s">
        <v>543</v>
      </c>
      <c r="H111" s="79" t="s">
        <v>543</v>
      </c>
      <c r="I111" s="79" t="s">
        <v>543</v>
      </c>
      <c r="J111" s="79" t="s">
        <v>543</v>
      </c>
      <c r="K111" s="79" t="s">
        <v>543</v>
      </c>
      <c r="L111" s="79" t="s">
        <v>543</v>
      </c>
      <c r="M111" s="79" t="s">
        <v>543</v>
      </c>
      <c r="N111" s="79" t="s">
        <v>543</v>
      </c>
      <c r="O111" s="79" t="s">
        <v>543</v>
      </c>
      <c r="P111" s="79" t="s">
        <v>543</v>
      </c>
      <c r="Q111" s="79" t="s">
        <v>543</v>
      </c>
      <c r="R111" s="79" t="s">
        <v>543</v>
      </c>
      <c r="S111" s="79" t="s">
        <v>543</v>
      </c>
      <c r="T111" s="79" t="s">
        <v>543</v>
      </c>
      <c r="U111" s="79" t="s">
        <v>543</v>
      </c>
      <c r="V111" s="79" t="s">
        <v>543</v>
      </c>
      <c r="W111" s="79" t="s">
        <v>543</v>
      </c>
      <c r="X111" s="79" t="s">
        <v>543</v>
      </c>
      <c r="Y111" s="79" t="s">
        <v>543</v>
      </c>
      <c r="Z111" s="79" t="s">
        <v>543</v>
      </c>
      <c r="AA111" s="79" t="s">
        <v>543</v>
      </c>
      <c r="AB111" s="79" t="s">
        <v>543</v>
      </c>
      <c r="AC111" s="79" t="s">
        <v>543</v>
      </c>
      <c r="AD111" s="65"/>
    </row>
    <row r="112" spans="1:31" x14ac:dyDescent="0.25">
      <c r="A112" s="77"/>
      <c r="B112" s="78" t="s">
        <v>628</v>
      </c>
      <c r="C112" s="83" t="s">
        <v>543</v>
      </c>
      <c r="D112" s="79" t="s">
        <v>543</v>
      </c>
      <c r="E112" s="79" t="s">
        <v>543</v>
      </c>
      <c r="F112" s="79" t="s">
        <v>543</v>
      </c>
      <c r="G112" s="79" t="s">
        <v>543</v>
      </c>
      <c r="H112" s="79" t="s">
        <v>543</v>
      </c>
      <c r="I112" s="79" t="s">
        <v>543</v>
      </c>
      <c r="J112" s="79" t="s">
        <v>543</v>
      </c>
      <c r="K112" s="79" t="s">
        <v>543</v>
      </c>
      <c r="L112" s="79" t="s">
        <v>543</v>
      </c>
      <c r="M112" s="79" t="s">
        <v>543</v>
      </c>
      <c r="N112" s="79" t="s">
        <v>543</v>
      </c>
      <c r="O112" s="79" t="s">
        <v>543</v>
      </c>
      <c r="P112" s="79" t="s">
        <v>543</v>
      </c>
      <c r="Q112" s="79" t="s">
        <v>543</v>
      </c>
      <c r="R112" s="79" t="s">
        <v>543</v>
      </c>
      <c r="S112" s="79" t="s">
        <v>543</v>
      </c>
      <c r="T112" s="79" t="s">
        <v>543</v>
      </c>
      <c r="U112" s="79" t="s">
        <v>543</v>
      </c>
      <c r="V112" s="79" t="s">
        <v>543</v>
      </c>
      <c r="W112" s="79" t="s">
        <v>543</v>
      </c>
      <c r="X112" s="79" t="s">
        <v>543</v>
      </c>
      <c r="Y112" s="79" t="s">
        <v>543</v>
      </c>
      <c r="Z112" s="79" t="s">
        <v>543</v>
      </c>
      <c r="AA112" s="79" t="s">
        <v>543</v>
      </c>
      <c r="AB112" s="79" t="s">
        <v>543</v>
      </c>
      <c r="AC112" s="79" t="s">
        <v>543</v>
      </c>
      <c r="AD112" s="65"/>
    </row>
    <row r="113" spans="1:31" x14ac:dyDescent="0.25">
      <c r="A113" s="77"/>
      <c r="B113" s="81"/>
      <c r="C113" s="83"/>
      <c r="D113" s="79"/>
      <c r="E113" s="79"/>
      <c r="F113" s="79"/>
      <c r="G113" s="79"/>
      <c r="H113" s="79"/>
      <c r="I113" s="79"/>
      <c r="J113" s="79"/>
      <c r="K113" s="79"/>
      <c r="L113" s="79"/>
      <c r="M113" s="79"/>
      <c r="N113" s="79"/>
      <c r="O113" s="79"/>
      <c r="P113" s="79"/>
      <c r="Q113" s="79"/>
      <c r="R113" s="79"/>
      <c r="S113" s="79"/>
      <c r="T113" s="79"/>
      <c r="U113" s="79"/>
      <c r="V113" s="79"/>
      <c r="W113" s="79"/>
      <c r="X113" s="79"/>
      <c r="Y113" s="79"/>
      <c r="Z113" s="79"/>
      <c r="AA113" s="79"/>
      <c r="AB113" s="79"/>
      <c r="AC113" s="79"/>
      <c r="AD113" s="65"/>
    </row>
    <row r="114" spans="1:31" s="60" customFormat="1" x14ac:dyDescent="0.25">
      <c r="A114" s="125" t="s">
        <v>629</v>
      </c>
      <c r="B114" s="126"/>
      <c r="C114" s="63">
        <v>2</v>
      </c>
      <c r="D114" s="66" t="s">
        <v>543</v>
      </c>
      <c r="E114" s="66" t="s">
        <v>543</v>
      </c>
      <c r="F114" s="66" t="s">
        <v>543</v>
      </c>
      <c r="G114" s="66" t="s">
        <v>543</v>
      </c>
      <c r="H114" s="66" t="s">
        <v>543</v>
      </c>
      <c r="I114" s="66" t="s">
        <v>543</v>
      </c>
      <c r="J114" s="66" t="s">
        <v>543</v>
      </c>
      <c r="K114" s="66" t="s">
        <v>543</v>
      </c>
      <c r="L114" s="66" t="s">
        <v>543</v>
      </c>
      <c r="M114" s="66" t="s">
        <v>543</v>
      </c>
      <c r="N114" s="66" t="s">
        <v>543</v>
      </c>
      <c r="O114" s="66" t="s">
        <v>543</v>
      </c>
      <c r="P114" s="66" t="s">
        <v>543</v>
      </c>
      <c r="Q114" s="66" t="s">
        <v>543</v>
      </c>
      <c r="R114" s="66" t="s">
        <v>543</v>
      </c>
      <c r="S114" s="66" t="s">
        <v>543</v>
      </c>
      <c r="T114" s="66" t="s">
        <v>543</v>
      </c>
      <c r="U114" s="66" t="s">
        <v>543</v>
      </c>
      <c r="V114" s="66" t="s">
        <v>543</v>
      </c>
      <c r="W114" s="66">
        <v>2</v>
      </c>
      <c r="X114" s="66" t="s">
        <v>543</v>
      </c>
      <c r="Y114" s="66" t="s">
        <v>543</v>
      </c>
      <c r="Z114" s="66" t="s">
        <v>543</v>
      </c>
      <c r="AA114" s="66" t="s">
        <v>543</v>
      </c>
      <c r="AB114" s="66">
        <v>103</v>
      </c>
      <c r="AC114" s="66" t="s">
        <v>287</v>
      </c>
      <c r="AD114" s="65"/>
      <c r="AE114" s="54"/>
    </row>
    <row r="115" spans="1:31" x14ac:dyDescent="0.25">
      <c r="A115" s="77"/>
      <c r="B115" s="78" t="s">
        <v>630</v>
      </c>
      <c r="C115" s="83">
        <v>2</v>
      </c>
      <c r="D115" s="79" t="s">
        <v>543</v>
      </c>
      <c r="E115" s="79" t="s">
        <v>543</v>
      </c>
      <c r="F115" s="79" t="s">
        <v>543</v>
      </c>
      <c r="G115" s="79" t="s">
        <v>543</v>
      </c>
      <c r="H115" s="79" t="s">
        <v>543</v>
      </c>
      <c r="I115" s="79" t="s">
        <v>543</v>
      </c>
      <c r="J115" s="79" t="s">
        <v>543</v>
      </c>
      <c r="K115" s="79" t="s">
        <v>543</v>
      </c>
      <c r="L115" s="79" t="s">
        <v>543</v>
      </c>
      <c r="M115" s="79" t="s">
        <v>543</v>
      </c>
      <c r="N115" s="79" t="s">
        <v>543</v>
      </c>
      <c r="O115" s="79" t="s">
        <v>543</v>
      </c>
      <c r="P115" s="79" t="s">
        <v>543</v>
      </c>
      <c r="Q115" s="79" t="s">
        <v>543</v>
      </c>
      <c r="R115" s="79" t="s">
        <v>543</v>
      </c>
      <c r="S115" s="79" t="s">
        <v>543</v>
      </c>
      <c r="T115" s="79" t="s">
        <v>543</v>
      </c>
      <c r="U115" s="79" t="s">
        <v>543</v>
      </c>
      <c r="V115" s="79" t="s">
        <v>543</v>
      </c>
      <c r="W115" s="79">
        <v>2</v>
      </c>
      <c r="X115" s="79" t="s">
        <v>543</v>
      </c>
      <c r="Y115" s="79" t="s">
        <v>543</v>
      </c>
      <c r="Z115" s="79" t="s">
        <v>543</v>
      </c>
      <c r="AA115" s="79" t="s">
        <v>543</v>
      </c>
      <c r="AB115" s="79">
        <v>103</v>
      </c>
      <c r="AC115" s="79" t="s">
        <v>287</v>
      </c>
      <c r="AD115" s="65"/>
    </row>
    <row r="116" spans="1:31" ht="13.15" thickBot="1" x14ac:dyDescent="0.3">
      <c r="A116" s="84"/>
      <c r="B116" s="85" t="s">
        <v>631</v>
      </c>
      <c r="C116" s="86" t="s">
        <v>543</v>
      </c>
      <c r="D116" s="86" t="s">
        <v>543</v>
      </c>
      <c r="E116" s="86" t="s">
        <v>543</v>
      </c>
      <c r="F116" s="86" t="s">
        <v>543</v>
      </c>
      <c r="G116" s="86" t="s">
        <v>543</v>
      </c>
      <c r="H116" s="86" t="s">
        <v>543</v>
      </c>
      <c r="I116" s="86" t="s">
        <v>543</v>
      </c>
      <c r="J116" s="86" t="s">
        <v>543</v>
      </c>
      <c r="K116" s="86" t="s">
        <v>543</v>
      </c>
      <c r="L116" s="86" t="s">
        <v>543</v>
      </c>
      <c r="M116" s="86" t="s">
        <v>543</v>
      </c>
      <c r="N116" s="86" t="s">
        <v>543</v>
      </c>
      <c r="O116" s="86" t="s">
        <v>543</v>
      </c>
      <c r="P116" s="86" t="s">
        <v>543</v>
      </c>
      <c r="Q116" s="86" t="s">
        <v>543</v>
      </c>
      <c r="R116" s="86" t="s">
        <v>543</v>
      </c>
      <c r="S116" s="86" t="s">
        <v>543</v>
      </c>
      <c r="T116" s="86" t="s">
        <v>543</v>
      </c>
      <c r="U116" s="86" t="s">
        <v>543</v>
      </c>
      <c r="V116" s="86" t="s">
        <v>543</v>
      </c>
      <c r="W116" s="86" t="s">
        <v>543</v>
      </c>
      <c r="X116" s="86" t="s">
        <v>543</v>
      </c>
      <c r="Y116" s="86" t="s">
        <v>543</v>
      </c>
      <c r="Z116" s="86" t="s">
        <v>543</v>
      </c>
      <c r="AA116" s="86" t="s">
        <v>543</v>
      </c>
      <c r="AB116" s="86" t="s">
        <v>543</v>
      </c>
      <c r="AC116" s="86" t="s">
        <v>543</v>
      </c>
      <c r="AD116" s="65"/>
    </row>
    <row r="117" spans="1:31" x14ac:dyDescent="0.25">
      <c r="A117" s="67" t="s">
        <v>634</v>
      </c>
      <c r="B117" s="68"/>
      <c r="C117" s="68"/>
      <c r="D117" s="68"/>
      <c r="E117" s="68"/>
      <c r="F117" s="68"/>
      <c r="G117" s="68"/>
      <c r="H117" s="68"/>
      <c r="I117" s="68"/>
      <c r="J117" s="68"/>
      <c r="K117" s="68"/>
      <c r="L117" s="68"/>
      <c r="M117" s="68"/>
      <c r="N117" s="68"/>
      <c r="O117" s="68"/>
      <c r="P117" s="68"/>
      <c r="Q117" s="68"/>
      <c r="R117" s="68"/>
      <c r="S117" s="68"/>
      <c r="T117" s="68"/>
      <c r="U117" s="68"/>
      <c r="V117" s="68"/>
      <c r="W117" s="68"/>
      <c r="X117" s="68"/>
      <c r="Y117" s="68"/>
      <c r="Z117" s="68"/>
      <c r="AA117" s="68"/>
      <c r="AB117" s="69"/>
      <c r="AC117" s="70"/>
    </row>
    <row r="118" spans="1:31" x14ac:dyDescent="0.25">
      <c r="A118" s="10" t="s">
        <v>633</v>
      </c>
      <c r="C118" s="65"/>
      <c r="D118" s="65"/>
      <c r="E118" s="65"/>
      <c r="F118" s="65"/>
      <c r="G118" s="65"/>
      <c r="H118" s="65"/>
      <c r="I118" s="65"/>
      <c r="J118" s="65"/>
      <c r="K118" s="65"/>
      <c r="L118" s="65"/>
      <c r="M118" s="65"/>
      <c r="N118" s="65"/>
      <c r="O118" s="65"/>
      <c r="P118" s="65"/>
      <c r="Q118" s="65"/>
      <c r="R118" s="65"/>
      <c r="S118" s="65"/>
      <c r="T118" s="65"/>
      <c r="U118" s="65"/>
      <c r="V118" s="65"/>
      <c r="W118" s="65"/>
      <c r="X118" s="65"/>
      <c r="Y118" s="65"/>
      <c r="Z118" s="65"/>
      <c r="AA118" s="65"/>
      <c r="AB118" s="65"/>
      <c r="AC118" s="72"/>
    </row>
    <row r="119" spans="1:31" x14ac:dyDescent="0.25">
      <c r="AB119" s="54"/>
      <c r="AC119" s="73"/>
    </row>
  </sheetData>
  <mergeCells count="40">
    <mergeCell ref="Y5:Y8"/>
    <mergeCell ref="Z5:Z8"/>
    <mergeCell ref="AA5:AA8"/>
    <mergeCell ref="A9:B9"/>
    <mergeCell ref="A11:B11"/>
    <mergeCell ref="R5:R8"/>
    <mergeCell ref="S5:S8"/>
    <mergeCell ref="T5:T8"/>
    <mergeCell ref="U5:U8"/>
    <mergeCell ref="V5:V8"/>
    <mergeCell ref="W5:W8"/>
    <mergeCell ref="L5:L8"/>
    <mergeCell ref="M5:M8"/>
    <mergeCell ref="N5:N8"/>
    <mergeCell ref="I5:I8"/>
    <mergeCell ref="J5:J8"/>
    <mergeCell ref="K5:K8"/>
    <mergeCell ref="A114:B114"/>
    <mergeCell ref="X5:X8"/>
    <mergeCell ref="A72:B72"/>
    <mergeCell ref="A79:B79"/>
    <mergeCell ref="A85:B85"/>
    <mergeCell ref="A97:B97"/>
    <mergeCell ref="A108:B108"/>
    <mergeCell ref="A1:AC1"/>
    <mergeCell ref="A2:C2"/>
    <mergeCell ref="AA2:AC2"/>
    <mergeCell ref="A3:B8"/>
    <mergeCell ref="C3:AA3"/>
    <mergeCell ref="AB3:AB8"/>
    <mergeCell ref="AC3:AC8"/>
    <mergeCell ref="C4:C8"/>
    <mergeCell ref="D5:D8"/>
    <mergeCell ref="E5:E8"/>
    <mergeCell ref="O5:O8"/>
    <mergeCell ref="P5:P8"/>
    <mergeCell ref="Q5:Q8"/>
    <mergeCell ref="F5:F8"/>
    <mergeCell ref="G5:G8"/>
    <mergeCell ref="H5:H8"/>
  </mergeCells>
  <phoneticPr fontId="3"/>
  <printOptions horizontalCentered="1"/>
  <pageMargins left="0.39370078740157483" right="0.39370078740157483" top="0.39370078740157483" bottom="0.39370078740157483" header="0.51181102362204722" footer="0.51181102362204722"/>
  <pageSetup paperSize="9" scale="66" fitToHeight="2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6</vt:i4>
      </vt:variant>
    </vt:vector>
  </HeadingPairs>
  <TitlesOfParts>
    <vt:vector size="13" baseType="lpstr">
      <vt:lpstr>1</vt:lpstr>
      <vt:lpstr>2</vt:lpstr>
      <vt:lpstr>3</vt:lpstr>
      <vt:lpstr>4</vt:lpstr>
      <vt:lpstr>5</vt:lpstr>
      <vt:lpstr>6</vt:lpstr>
      <vt:lpstr>7</vt:lpstr>
      <vt:lpstr>'1'!Print_Area</vt:lpstr>
      <vt:lpstr>'4'!Print_Area</vt:lpstr>
      <vt:lpstr>'5'!Print_Area</vt:lpstr>
      <vt:lpstr>'6'!Print_Area</vt:lpstr>
      <vt:lpstr>'7'!Print_Area</vt:lpstr>
      <vt:lpstr>'7'!Print_Titles</vt:lpstr>
    </vt:vector>
  </TitlesOfParts>
  <Company>インテック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akenouchi</dc:creator>
  <cp:lastModifiedBy>加藤　晃子</cp:lastModifiedBy>
  <cp:lastPrinted>2023-03-20T04:32:02Z</cp:lastPrinted>
  <dcterms:created xsi:type="dcterms:W3CDTF">2002-07-15T07:02:31Z</dcterms:created>
  <dcterms:modified xsi:type="dcterms:W3CDTF">2024-02-27T00:45:31Z</dcterms:modified>
</cp:coreProperties>
</file>